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26"/>
  </p:notesMasterIdLst>
  <p:handoutMasterIdLst>
    <p:handoutMasterId r:id="rId27"/>
  </p:handoutMasterIdLst>
  <p:sldIdLst>
    <p:sldId id="257" r:id="rId5"/>
    <p:sldId id="258" r:id="rId6"/>
    <p:sldId id="260" r:id="rId7"/>
    <p:sldId id="261" r:id="rId8"/>
    <p:sldId id="267" r:id="rId9"/>
    <p:sldId id="266" r:id="rId10"/>
    <p:sldId id="265" r:id="rId11"/>
    <p:sldId id="268" r:id="rId12"/>
    <p:sldId id="269" r:id="rId13"/>
    <p:sldId id="270" r:id="rId14"/>
    <p:sldId id="271" r:id="rId15"/>
    <p:sldId id="273" r:id="rId16"/>
    <p:sldId id="272" r:id="rId17"/>
    <p:sldId id="274" r:id="rId18"/>
    <p:sldId id="275" r:id="rId19"/>
    <p:sldId id="276" r:id="rId20"/>
    <p:sldId id="277" r:id="rId21"/>
    <p:sldId id="278" r:id="rId22"/>
    <p:sldId id="279" r:id="rId23"/>
    <p:sldId id="280" r:id="rId24"/>
    <p:sldId id="281" r:id="rId25"/>
  </p:sldIdLst>
  <p:sldSz cx="12188825" cy="6858000"/>
  <p:notesSz cx="6858000" cy="9144000"/>
  <p:defaultTextStyle>
    <a:defPPr>
      <a:defRPr lang="en-US"/>
    </a:defPPr>
    <a:lvl1pPr marL="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5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4404"/>
    <a:srgbClr val="5F6F0F"/>
    <a:srgbClr val="718412"/>
    <a:srgbClr val="65741A"/>
    <a:srgbClr val="70811D"/>
    <a:srgbClr val="7B8D1F"/>
    <a:srgbClr val="839721"/>
    <a:srgbClr val="95AB25"/>
    <a:srgbClr val="BC5500"/>
    <a:srgbClr val="C45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>
      <p:cViewPr>
        <p:scale>
          <a:sx n="70" d="100"/>
          <a:sy n="70" d="100"/>
        </p:scale>
        <p:origin x="60" y="-6"/>
      </p:cViewPr>
      <p:guideLst>
        <p:guide orient="horz" pos="2160"/>
        <p:guide pos="3839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howGuides="1">
      <p:cViewPr varScale="1">
        <p:scale>
          <a:sx n="63" d="100"/>
          <a:sy n="63" d="100"/>
        </p:scale>
        <p:origin x="2838" y="108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handoutMaster" Target="handoutMasters/handoutMaster1.xml"/><Relationship Id="rId30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7243DD6-7908-4AFA-8F08-F5DA4913D758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213EA93-67B3-4DEB-8CC6-93A0B2AF7CD7}">
      <dgm:prSet phldrT="[Text]"/>
      <dgm:spPr/>
      <dgm:t>
        <a:bodyPr/>
        <a:lstStyle/>
        <a:p>
          <a:r>
            <a:rPr lang="en-US" b="1" dirty="0" smtClean="0"/>
            <a:t>Jason Zander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President &amp; CEO</a:t>
          </a:r>
          <a:endParaRPr lang="en-US" dirty="0"/>
        </a:p>
      </dgm:t>
    </dgm:pt>
    <dgm:pt modelId="{22F01FA1-DAEC-40BA-8433-5E146EC5406F}" type="parTrans" cxnId="{A43F2893-82A9-4D28-9685-E0BE99CB288E}">
      <dgm:prSet/>
      <dgm:spPr/>
      <dgm:t>
        <a:bodyPr/>
        <a:lstStyle/>
        <a:p>
          <a:endParaRPr lang="en-US"/>
        </a:p>
      </dgm:t>
    </dgm:pt>
    <dgm:pt modelId="{0B401069-F5DA-4C26-8D27-41C74B853B00}" type="sibTrans" cxnId="{A43F2893-82A9-4D28-9685-E0BE99CB288E}">
      <dgm:prSet/>
      <dgm:spPr/>
      <dgm:t>
        <a:bodyPr/>
        <a:lstStyle/>
        <a:p>
          <a:endParaRPr lang="en-US"/>
        </a:p>
      </dgm:t>
    </dgm:pt>
    <dgm:pt modelId="{34EF69ED-7733-43E5-9F02-75216E62B39D}">
      <dgm:prSet phldrT="[Text]"/>
      <dgm:spPr/>
      <dgm:t>
        <a:bodyPr/>
        <a:lstStyle/>
        <a:p>
          <a:r>
            <a:rPr lang="en-US" b="1" dirty="0" smtClean="0"/>
            <a:t>Lawrie Gaffney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CFO</a:t>
          </a:r>
          <a:endParaRPr lang="en-US" i="1" dirty="0"/>
        </a:p>
      </dgm:t>
    </dgm:pt>
    <dgm:pt modelId="{D95CB556-0982-4642-9108-EFDA847395CF}" type="parTrans" cxnId="{4C3D5DA4-4E22-49D2-8A9A-EB38B09280C2}">
      <dgm:prSet/>
      <dgm:spPr/>
      <dgm:t>
        <a:bodyPr/>
        <a:lstStyle/>
        <a:p>
          <a:endParaRPr lang="en-US"/>
        </a:p>
      </dgm:t>
    </dgm:pt>
    <dgm:pt modelId="{B6844C36-BF59-4369-A225-8E816E956898}" type="sibTrans" cxnId="{4C3D5DA4-4E22-49D2-8A9A-EB38B09280C2}">
      <dgm:prSet/>
      <dgm:spPr/>
      <dgm:t>
        <a:bodyPr/>
        <a:lstStyle/>
        <a:p>
          <a:endParaRPr lang="en-US"/>
        </a:p>
      </dgm:t>
    </dgm:pt>
    <dgm:pt modelId="{CEC77832-0685-4061-85A9-2B7E04FC9927}">
      <dgm:prSet/>
      <dgm:spPr/>
      <dgm:t>
        <a:bodyPr/>
        <a:lstStyle/>
        <a:p>
          <a:r>
            <a:rPr lang="en-US" b="1" smtClean="0"/>
            <a:t>Patrick lliott</a:t>
          </a:r>
          <a:r>
            <a:rPr lang="en-US" b="1" dirty="0" smtClean="0"/>
            <a:t/>
          </a:r>
          <a:br>
            <a:rPr lang="en-US" b="1" dirty="0" smtClean="0"/>
          </a:br>
          <a:r>
            <a:rPr lang="en-US" i="1" dirty="0" smtClean="0"/>
            <a:t>VP Finance</a:t>
          </a:r>
          <a:endParaRPr lang="en-US" i="1" dirty="0"/>
        </a:p>
      </dgm:t>
    </dgm:pt>
    <dgm:pt modelId="{64522A3B-06D5-445A-B29E-95A5AD0616E8}" type="parTrans" cxnId="{ED06E7D1-B82C-4C60-B10C-44EEF35A638A}">
      <dgm:prSet/>
      <dgm:spPr/>
      <dgm:t>
        <a:bodyPr/>
        <a:lstStyle/>
        <a:p>
          <a:endParaRPr lang="en-US"/>
        </a:p>
      </dgm:t>
    </dgm:pt>
    <dgm:pt modelId="{DC723360-4464-4AC6-AC92-037B46B955A1}" type="sibTrans" cxnId="{ED06E7D1-B82C-4C60-B10C-44EEF35A638A}">
      <dgm:prSet/>
      <dgm:spPr/>
      <dgm:t>
        <a:bodyPr/>
        <a:lstStyle/>
        <a:p>
          <a:endParaRPr lang="en-US"/>
        </a:p>
      </dgm:t>
    </dgm:pt>
    <dgm:pt modelId="{9497D2F0-AED9-4CC8-831F-177A445E6114}">
      <dgm:prSet/>
      <dgm:spPr/>
      <dgm:t>
        <a:bodyPr/>
        <a:lstStyle/>
        <a:p>
          <a:r>
            <a:rPr lang="en-US" b="1" dirty="0" smtClean="0"/>
            <a:t>Lola Jacobsen</a:t>
          </a:r>
          <a:br>
            <a:rPr lang="en-US" b="1" dirty="0" smtClean="0"/>
          </a:br>
          <a:r>
            <a:rPr lang="en-US" i="1" dirty="0" smtClean="0"/>
            <a:t>VP Accounting</a:t>
          </a:r>
          <a:endParaRPr lang="en-US" i="1" dirty="0"/>
        </a:p>
      </dgm:t>
    </dgm:pt>
    <dgm:pt modelId="{03C60D3E-A69D-489E-AC23-D2EF12F2CE12}" type="parTrans" cxnId="{B88A67B5-100A-48F1-9455-5D483BDB4B8F}">
      <dgm:prSet/>
      <dgm:spPr/>
      <dgm:t>
        <a:bodyPr/>
        <a:lstStyle/>
        <a:p>
          <a:endParaRPr lang="en-US"/>
        </a:p>
      </dgm:t>
    </dgm:pt>
    <dgm:pt modelId="{0E9A1C67-F77C-49EB-96B3-86F1B9D3FF94}" type="sibTrans" cxnId="{B88A67B5-100A-48F1-9455-5D483BDB4B8F}">
      <dgm:prSet/>
      <dgm:spPr/>
      <dgm:t>
        <a:bodyPr/>
        <a:lstStyle/>
        <a:p>
          <a:endParaRPr lang="en-US"/>
        </a:p>
      </dgm:t>
    </dgm:pt>
    <dgm:pt modelId="{EAF97F65-8743-416C-95B4-C2A504120B0F}">
      <dgm:prSet phldrT="[Text]"/>
      <dgm:spPr/>
      <dgm:t>
        <a:bodyPr/>
        <a:lstStyle/>
        <a:p>
          <a:r>
            <a:rPr lang="en-US" b="1" dirty="0" smtClean="0"/>
            <a:t>Olivier Renaud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Team Director</a:t>
          </a:r>
          <a:endParaRPr lang="en-US" i="1" dirty="0"/>
        </a:p>
      </dgm:t>
    </dgm:pt>
    <dgm:pt modelId="{15FC0DA2-D4A5-4ADB-8E29-59099AD0F12C}" type="parTrans" cxnId="{978388B3-EB8F-4139-B38A-114233FC2BB6}">
      <dgm:prSet/>
      <dgm:spPr/>
      <dgm:t>
        <a:bodyPr/>
        <a:lstStyle/>
        <a:p>
          <a:endParaRPr lang="en-US"/>
        </a:p>
      </dgm:t>
    </dgm:pt>
    <dgm:pt modelId="{EA3E39D9-C3F2-4BF2-B34A-03920DBAC485}" type="sibTrans" cxnId="{978388B3-EB8F-4139-B38A-114233FC2BB6}">
      <dgm:prSet/>
      <dgm:spPr/>
      <dgm:t>
        <a:bodyPr/>
        <a:lstStyle/>
        <a:p>
          <a:endParaRPr lang="en-US"/>
        </a:p>
      </dgm:t>
    </dgm:pt>
    <dgm:pt modelId="{146B5BCA-F4A0-4A38-B33B-EC8BFA2CE5CF}">
      <dgm:prSet/>
      <dgm:spPr/>
      <dgm:t>
        <a:bodyPr/>
        <a:lstStyle/>
        <a:p>
          <a:r>
            <a:rPr lang="en-US" b="1" dirty="0" smtClean="0"/>
            <a:t>Spencer Lowe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Regional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FC127E7E-FFD8-4856-B22A-FC2DE70AAD12}" type="parTrans" cxnId="{5A1A34D1-58B2-4611-801D-A477054B8543}">
      <dgm:prSet/>
      <dgm:spPr/>
      <dgm:t>
        <a:bodyPr/>
        <a:lstStyle/>
        <a:p>
          <a:endParaRPr lang="en-US"/>
        </a:p>
      </dgm:t>
    </dgm:pt>
    <dgm:pt modelId="{861FB706-A371-43B4-A9C0-19E307330018}" type="sibTrans" cxnId="{5A1A34D1-58B2-4611-801D-A477054B8543}">
      <dgm:prSet/>
      <dgm:spPr/>
      <dgm:t>
        <a:bodyPr/>
        <a:lstStyle/>
        <a:p>
          <a:endParaRPr lang="en-US"/>
        </a:p>
      </dgm:t>
    </dgm:pt>
    <dgm:pt modelId="{164FCC03-4F21-4358-A0AA-BBEEBC094581}">
      <dgm:prSet/>
      <dgm:spPr/>
      <dgm:t>
        <a:bodyPr/>
        <a:lstStyle/>
        <a:p>
          <a:r>
            <a:rPr lang="en-US" b="1" dirty="0" smtClean="0"/>
            <a:t>Mike </a:t>
          </a:r>
          <a:r>
            <a:rPr lang="en-US" b="1" dirty="0" err="1" smtClean="0"/>
            <a:t>Danselio</a:t>
          </a:r>
          <a:r>
            <a:rPr lang="en-US" dirty="0" smtClean="0"/>
            <a:t/>
          </a:r>
          <a:br>
            <a:rPr lang="en-US" dirty="0" smtClean="0"/>
          </a:br>
          <a:r>
            <a:rPr lang="en-US" dirty="0" smtClean="0"/>
            <a:t>Regional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EAAC9F3D-08AD-45A0-9A5F-D7390FFDB894}" type="parTrans" cxnId="{0E739519-AA6E-4D91-B367-27966A51932A}">
      <dgm:prSet/>
      <dgm:spPr/>
      <dgm:t>
        <a:bodyPr/>
        <a:lstStyle/>
        <a:p>
          <a:endParaRPr lang="en-US"/>
        </a:p>
      </dgm:t>
    </dgm:pt>
    <dgm:pt modelId="{FFB6B58E-C828-46F3-9736-BEC2483E4506}" type="sibTrans" cxnId="{0E739519-AA6E-4D91-B367-27966A51932A}">
      <dgm:prSet/>
      <dgm:spPr/>
      <dgm:t>
        <a:bodyPr/>
        <a:lstStyle/>
        <a:p>
          <a:endParaRPr lang="en-US"/>
        </a:p>
      </dgm:t>
    </dgm:pt>
    <dgm:pt modelId="{FB790FAE-9081-4482-965F-A132F8C0089D}">
      <dgm:prSet/>
      <dgm:spPr/>
      <dgm:t>
        <a:bodyPr/>
        <a:lstStyle/>
        <a:p>
          <a:r>
            <a:rPr lang="en-US" b="1" dirty="0" err="1" smtClean="0"/>
            <a:t>Prashanth</a:t>
          </a:r>
          <a:r>
            <a:rPr lang="en-US" b="1" dirty="0" smtClean="0"/>
            <a:t> Desai</a:t>
          </a:r>
          <a:br>
            <a:rPr lang="en-US" b="1" dirty="0" smtClean="0"/>
          </a:br>
          <a:r>
            <a:rPr lang="en-US" b="0" dirty="0" smtClean="0"/>
            <a:t>Regiona</a:t>
          </a:r>
          <a:r>
            <a:rPr lang="en-US" b="1" dirty="0" smtClean="0"/>
            <a:t>l</a:t>
          </a:r>
          <a:r>
            <a:rPr lang="en-US" i="1" dirty="0" smtClean="0"/>
            <a:t> Manager</a:t>
          </a:r>
        </a:p>
        <a:p>
          <a:r>
            <a:rPr lang="en-US" i="1" dirty="0" smtClean="0"/>
            <a:t>Of 5 Locations</a:t>
          </a:r>
          <a:endParaRPr lang="en-US" i="1" dirty="0"/>
        </a:p>
      </dgm:t>
    </dgm:pt>
    <dgm:pt modelId="{66E68178-24ED-41B5-B93B-EC8F7F4577B4}" type="parTrans" cxnId="{7E835D5D-2304-464B-A0B4-8F5DDDE65166}">
      <dgm:prSet/>
      <dgm:spPr/>
      <dgm:t>
        <a:bodyPr/>
        <a:lstStyle/>
        <a:p>
          <a:endParaRPr lang="en-US"/>
        </a:p>
      </dgm:t>
    </dgm:pt>
    <dgm:pt modelId="{F7A7ABE2-8DBF-4022-8CAF-71E6248F51D8}" type="sibTrans" cxnId="{7E835D5D-2304-464B-A0B4-8F5DDDE65166}">
      <dgm:prSet/>
      <dgm:spPr/>
      <dgm:t>
        <a:bodyPr/>
        <a:lstStyle/>
        <a:p>
          <a:endParaRPr lang="en-US"/>
        </a:p>
      </dgm:t>
    </dgm:pt>
    <dgm:pt modelId="{CFFFFC5D-AF08-4DBC-BBC6-D030BF6032CA}">
      <dgm:prSet phldrT="[Text]"/>
      <dgm:spPr/>
      <dgm:t>
        <a:bodyPr/>
        <a:lstStyle/>
        <a:p>
          <a:r>
            <a:rPr lang="en-US" b="1" dirty="0" err="1" smtClean="0"/>
            <a:t>Szabolcs</a:t>
          </a:r>
          <a:r>
            <a:rPr lang="en-US" b="1" dirty="0" smtClean="0"/>
            <a:t> </a:t>
          </a:r>
          <a:r>
            <a:rPr lang="en-US" b="1" dirty="0" err="1" smtClean="0"/>
            <a:t>Vajda</a:t>
          </a:r>
          <a:r>
            <a:rPr lang="en-US" b="1" dirty="0" smtClean="0"/>
            <a:t/>
          </a:r>
          <a:br>
            <a:rPr lang="en-US" b="1" dirty="0" smtClean="0"/>
          </a:br>
          <a:r>
            <a:rPr lang="en-US" b="0" dirty="0" smtClean="0"/>
            <a:t>Director of Human Resources</a:t>
          </a:r>
          <a:endParaRPr lang="en-US" b="0" i="1" dirty="0"/>
        </a:p>
      </dgm:t>
    </dgm:pt>
    <dgm:pt modelId="{F35C7394-B5A1-4DA6-8CB6-266F244050FF}" type="parTrans" cxnId="{72C4CAF0-CFEA-4DFE-AF15-8865C2C67622}">
      <dgm:prSet/>
      <dgm:spPr/>
      <dgm:t>
        <a:bodyPr/>
        <a:lstStyle/>
        <a:p>
          <a:endParaRPr lang="en-US"/>
        </a:p>
      </dgm:t>
    </dgm:pt>
    <dgm:pt modelId="{F72DB7AB-BC64-42E9-8FCA-AB1A6321FB32}" type="sibTrans" cxnId="{72C4CAF0-CFEA-4DFE-AF15-8865C2C67622}">
      <dgm:prSet/>
      <dgm:spPr/>
      <dgm:t>
        <a:bodyPr/>
        <a:lstStyle/>
        <a:p>
          <a:endParaRPr lang="en-US"/>
        </a:p>
      </dgm:t>
    </dgm:pt>
    <dgm:pt modelId="{8A4215E9-DF47-499E-B09C-2F9AEDDEEAE9}">
      <dgm:prSet/>
      <dgm:spPr/>
      <dgm:t>
        <a:bodyPr/>
        <a:lstStyle/>
        <a:p>
          <a:r>
            <a:rPr lang="en-US" b="1" dirty="0" smtClean="0"/>
            <a:t>Jason </a:t>
          </a:r>
          <a:r>
            <a:rPr lang="en-US" b="1" dirty="0" err="1" smtClean="0"/>
            <a:t>Kozleski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VP Human Resources</a:t>
          </a:r>
          <a:endParaRPr lang="en-US" i="1" dirty="0"/>
        </a:p>
      </dgm:t>
    </dgm:pt>
    <dgm:pt modelId="{2C145E38-359D-4C52-A551-E5243663F61C}" type="parTrans" cxnId="{1802ADA0-5C5F-4A00-8ED5-5BD1DE217DB7}">
      <dgm:prSet/>
      <dgm:spPr/>
      <dgm:t>
        <a:bodyPr/>
        <a:lstStyle/>
        <a:p>
          <a:endParaRPr lang="en-US"/>
        </a:p>
      </dgm:t>
    </dgm:pt>
    <dgm:pt modelId="{73F09B71-913C-447D-A512-970083E781FB}" type="sibTrans" cxnId="{1802ADA0-5C5F-4A00-8ED5-5BD1DE217DB7}">
      <dgm:prSet/>
      <dgm:spPr/>
      <dgm:t>
        <a:bodyPr/>
        <a:lstStyle/>
        <a:p>
          <a:endParaRPr lang="en-US"/>
        </a:p>
      </dgm:t>
    </dgm:pt>
    <dgm:pt modelId="{1539CEEE-F833-450D-91EB-04F96A2AEAA2}">
      <dgm:prSet/>
      <dgm:spPr/>
      <dgm:t>
        <a:bodyPr/>
        <a:lstStyle/>
        <a:p>
          <a:r>
            <a:rPr lang="en-US" b="1" dirty="0" smtClean="0"/>
            <a:t>Pat Coleman</a:t>
          </a:r>
          <a:r>
            <a:rPr lang="en-US" dirty="0" smtClean="0"/>
            <a:t/>
          </a:r>
          <a:br>
            <a:rPr lang="en-US" dirty="0" smtClean="0"/>
          </a:br>
          <a:r>
            <a:rPr lang="en-US" i="1" dirty="0" smtClean="0"/>
            <a:t>VP Customer Svc</a:t>
          </a:r>
          <a:endParaRPr lang="en-US" i="1" dirty="0"/>
        </a:p>
      </dgm:t>
    </dgm:pt>
    <dgm:pt modelId="{CE4DF660-7BD9-4C61-8058-864A150E86EF}" type="parTrans" cxnId="{5493F64F-7F27-43D3-815E-35D7FED6B37F}">
      <dgm:prSet/>
      <dgm:spPr/>
      <dgm:t>
        <a:bodyPr/>
        <a:lstStyle/>
        <a:p>
          <a:endParaRPr lang="en-US"/>
        </a:p>
      </dgm:t>
    </dgm:pt>
    <dgm:pt modelId="{30BAB5DF-8466-4945-A435-31F496D4106B}" type="sibTrans" cxnId="{5493F64F-7F27-43D3-815E-35D7FED6B37F}">
      <dgm:prSet/>
      <dgm:spPr/>
      <dgm:t>
        <a:bodyPr/>
        <a:lstStyle/>
        <a:p>
          <a:endParaRPr lang="en-US"/>
        </a:p>
      </dgm:t>
    </dgm:pt>
    <dgm:pt modelId="{120DF69A-7722-4323-AC9F-CF716549C0C8}">
      <dgm:prSet/>
      <dgm:spPr/>
      <dgm:t>
        <a:bodyPr/>
        <a:lstStyle/>
        <a:p>
          <a:r>
            <a:rPr lang="en-US" dirty="0" smtClean="0"/>
            <a:t>Gym Manager</a:t>
          </a:r>
          <a:endParaRPr lang="en-US" dirty="0"/>
        </a:p>
      </dgm:t>
    </dgm:pt>
    <dgm:pt modelId="{E426D81F-885D-4A50-9105-225BE949C588}" type="parTrans" cxnId="{48687E3F-DD46-469F-9D1B-93D3B17186B6}">
      <dgm:prSet/>
      <dgm:spPr/>
      <dgm:t>
        <a:bodyPr/>
        <a:lstStyle/>
        <a:p>
          <a:endParaRPr lang="en-US"/>
        </a:p>
      </dgm:t>
    </dgm:pt>
    <dgm:pt modelId="{C346EB37-E58C-470E-B877-85487D141B42}" type="sibTrans" cxnId="{48687E3F-DD46-469F-9D1B-93D3B17186B6}">
      <dgm:prSet/>
      <dgm:spPr/>
      <dgm:t>
        <a:bodyPr/>
        <a:lstStyle/>
        <a:p>
          <a:endParaRPr lang="en-US"/>
        </a:p>
      </dgm:t>
    </dgm:pt>
    <dgm:pt modelId="{A6415F64-6F7B-472D-8B37-6FF4CE623A27}">
      <dgm:prSet/>
      <dgm:spPr/>
      <dgm:t>
        <a:bodyPr/>
        <a:lstStyle/>
        <a:p>
          <a:r>
            <a:rPr lang="en-US" dirty="0" smtClean="0"/>
            <a:t>Assistant Manager of Gym</a:t>
          </a:r>
          <a:endParaRPr lang="en-US" dirty="0"/>
        </a:p>
      </dgm:t>
    </dgm:pt>
    <dgm:pt modelId="{94307531-09D1-438D-8640-7E264C6EFC6E}" type="parTrans" cxnId="{27B1BEB2-EB3A-426A-9F80-98EE3D9C1B0F}">
      <dgm:prSet/>
      <dgm:spPr/>
      <dgm:t>
        <a:bodyPr/>
        <a:lstStyle/>
        <a:p>
          <a:endParaRPr lang="en-US"/>
        </a:p>
      </dgm:t>
    </dgm:pt>
    <dgm:pt modelId="{16016514-631E-45CB-B1AE-EBF36B5C83F1}" type="sibTrans" cxnId="{27B1BEB2-EB3A-426A-9F80-98EE3D9C1B0F}">
      <dgm:prSet/>
      <dgm:spPr/>
      <dgm:t>
        <a:bodyPr/>
        <a:lstStyle/>
        <a:p>
          <a:endParaRPr lang="en-US"/>
        </a:p>
      </dgm:t>
    </dgm:pt>
    <dgm:pt modelId="{8B3ED816-E32F-4E2D-936D-C2B06EBDAD38}">
      <dgm:prSet/>
      <dgm:spPr/>
      <dgm:t>
        <a:bodyPr/>
        <a:lstStyle/>
        <a:p>
          <a:r>
            <a:rPr lang="en-US" b="1" dirty="0" smtClean="0"/>
            <a:t>HR representative</a:t>
          </a:r>
          <a:endParaRPr lang="en-US" b="1" dirty="0"/>
        </a:p>
      </dgm:t>
    </dgm:pt>
    <dgm:pt modelId="{8063EE34-467A-4F04-B562-3BB8FA14321A}" type="parTrans" cxnId="{35D4A3C1-A949-40C3-92EC-46703753A933}">
      <dgm:prSet/>
      <dgm:spPr/>
      <dgm:t>
        <a:bodyPr/>
        <a:lstStyle/>
        <a:p>
          <a:endParaRPr lang="en-US"/>
        </a:p>
      </dgm:t>
    </dgm:pt>
    <dgm:pt modelId="{6330710A-BF7D-4CF9-B9FA-50719076D40E}" type="sibTrans" cxnId="{35D4A3C1-A949-40C3-92EC-46703753A933}">
      <dgm:prSet/>
      <dgm:spPr/>
      <dgm:t>
        <a:bodyPr/>
        <a:lstStyle/>
        <a:p>
          <a:endParaRPr lang="en-US"/>
        </a:p>
      </dgm:t>
    </dgm:pt>
    <dgm:pt modelId="{7F5C8212-F3D4-43A4-A29B-CB4BB8C5A431}" type="pres">
      <dgm:prSet presAssocID="{07243DD6-7908-4AFA-8F08-F5DA4913D758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CE8C80FB-60E7-4AF2-A5D4-70F61A3AF146}" type="pres">
      <dgm:prSet presAssocID="{6213EA93-67B3-4DEB-8CC6-93A0B2AF7CD7}" presName="hierRoot1" presStyleCnt="0"/>
      <dgm:spPr/>
      <dgm:t>
        <a:bodyPr/>
        <a:lstStyle/>
        <a:p>
          <a:endParaRPr lang="en-US"/>
        </a:p>
      </dgm:t>
    </dgm:pt>
    <dgm:pt modelId="{874EBE65-A3F8-4DDE-B261-0F583100BA2A}" type="pres">
      <dgm:prSet presAssocID="{6213EA93-67B3-4DEB-8CC6-93A0B2AF7CD7}" presName="composite" presStyleCnt="0"/>
      <dgm:spPr/>
      <dgm:t>
        <a:bodyPr/>
        <a:lstStyle/>
        <a:p>
          <a:endParaRPr lang="en-US"/>
        </a:p>
      </dgm:t>
    </dgm:pt>
    <dgm:pt modelId="{987E00FC-04B5-4421-A96F-CA460E2B19DF}" type="pres">
      <dgm:prSet presAssocID="{6213EA93-67B3-4DEB-8CC6-93A0B2AF7CD7}" presName="background" presStyleLbl="node0" presStyleIdx="0" presStyleCnt="1"/>
      <dgm:spPr/>
      <dgm:t>
        <a:bodyPr/>
        <a:lstStyle/>
        <a:p>
          <a:endParaRPr lang="en-US"/>
        </a:p>
      </dgm:t>
    </dgm:pt>
    <dgm:pt modelId="{868D9E49-D88B-430E-AC72-CD00412C6BE0}" type="pres">
      <dgm:prSet presAssocID="{6213EA93-67B3-4DEB-8CC6-93A0B2AF7CD7}" presName="text" presStyleLbl="fgAcc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EC468468-BDA1-487F-88FB-B9ABBC5E6DDC}" type="pres">
      <dgm:prSet presAssocID="{6213EA93-67B3-4DEB-8CC6-93A0B2AF7CD7}" presName="hierChild2" presStyleCnt="0"/>
      <dgm:spPr/>
      <dgm:t>
        <a:bodyPr/>
        <a:lstStyle/>
        <a:p>
          <a:endParaRPr lang="en-US"/>
        </a:p>
      </dgm:t>
    </dgm:pt>
    <dgm:pt modelId="{47C6150A-D796-4FB1-9AC7-64B824B4A8AC}" type="pres">
      <dgm:prSet presAssocID="{15FC0DA2-D4A5-4ADB-8E29-59099AD0F12C}" presName="Name10" presStyleLbl="parChTrans1D2" presStyleIdx="0" presStyleCnt="3"/>
      <dgm:spPr/>
      <dgm:t>
        <a:bodyPr/>
        <a:lstStyle/>
        <a:p>
          <a:endParaRPr lang="en-US"/>
        </a:p>
      </dgm:t>
    </dgm:pt>
    <dgm:pt modelId="{56059F83-EEDF-4592-9895-E2B4617E7D80}" type="pres">
      <dgm:prSet presAssocID="{EAF97F65-8743-416C-95B4-C2A504120B0F}" presName="hierRoot2" presStyleCnt="0"/>
      <dgm:spPr/>
      <dgm:t>
        <a:bodyPr/>
        <a:lstStyle/>
        <a:p>
          <a:endParaRPr lang="en-US"/>
        </a:p>
      </dgm:t>
    </dgm:pt>
    <dgm:pt modelId="{F9E8864B-0266-4B71-AE20-FF928823FD57}" type="pres">
      <dgm:prSet presAssocID="{EAF97F65-8743-416C-95B4-C2A504120B0F}" presName="composite2" presStyleCnt="0"/>
      <dgm:spPr/>
      <dgm:t>
        <a:bodyPr/>
        <a:lstStyle/>
        <a:p>
          <a:endParaRPr lang="en-US"/>
        </a:p>
      </dgm:t>
    </dgm:pt>
    <dgm:pt modelId="{E5517394-D959-43B0-B5C5-7EB48695E2C4}" type="pres">
      <dgm:prSet presAssocID="{EAF97F65-8743-416C-95B4-C2A504120B0F}" presName="background2" presStyleLbl="node2" presStyleIdx="0" presStyleCnt="3"/>
      <dgm:spPr/>
      <dgm:t>
        <a:bodyPr/>
        <a:lstStyle/>
        <a:p>
          <a:endParaRPr lang="en-US"/>
        </a:p>
      </dgm:t>
    </dgm:pt>
    <dgm:pt modelId="{D8BBCCEC-793A-4277-AD06-599860F93258}" type="pres">
      <dgm:prSet presAssocID="{EAF97F65-8743-416C-95B4-C2A504120B0F}" presName="text2" presStyleLbl="fgAcc2" presStyleIdx="0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1A6630A3-7E00-4906-A0BD-3ABF17FEC00E}" type="pres">
      <dgm:prSet presAssocID="{EAF97F65-8743-416C-95B4-C2A504120B0F}" presName="hierChild3" presStyleCnt="0"/>
      <dgm:spPr/>
      <dgm:t>
        <a:bodyPr/>
        <a:lstStyle/>
        <a:p>
          <a:endParaRPr lang="en-US"/>
        </a:p>
      </dgm:t>
    </dgm:pt>
    <dgm:pt modelId="{EB928631-2B17-47FC-8968-E2AAB4978614}" type="pres">
      <dgm:prSet presAssocID="{FC127E7E-FFD8-4856-B22A-FC2DE70AAD12}" presName="Name17" presStyleLbl="parChTrans1D3" presStyleIdx="0" presStyleCnt="7"/>
      <dgm:spPr/>
      <dgm:t>
        <a:bodyPr/>
        <a:lstStyle/>
        <a:p>
          <a:endParaRPr lang="en-US"/>
        </a:p>
      </dgm:t>
    </dgm:pt>
    <dgm:pt modelId="{CD9CA8EB-33F0-44AB-AF20-115C2759A819}" type="pres">
      <dgm:prSet presAssocID="{146B5BCA-F4A0-4A38-B33B-EC8BFA2CE5CF}" presName="hierRoot3" presStyleCnt="0"/>
      <dgm:spPr/>
      <dgm:t>
        <a:bodyPr/>
        <a:lstStyle/>
        <a:p>
          <a:endParaRPr lang="en-US"/>
        </a:p>
      </dgm:t>
    </dgm:pt>
    <dgm:pt modelId="{38B9188F-55FB-43FB-9195-EE06A17987AE}" type="pres">
      <dgm:prSet presAssocID="{146B5BCA-F4A0-4A38-B33B-EC8BFA2CE5CF}" presName="composite3" presStyleCnt="0"/>
      <dgm:spPr/>
      <dgm:t>
        <a:bodyPr/>
        <a:lstStyle/>
        <a:p>
          <a:endParaRPr lang="en-US"/>
        </a:p>
      </dgm:t>
    </dgm:pt>
    <dgm:pt modelId="{3D56BD52-D03A-4047-AD41-D4D4A6EFB434}" type="pres">
      <dgm:prSet presAssocID="{146B5BCA-F4A0-4A38-B33B-EC8BFA2CE5CF}" presName="background3" presStyleLbl="node3" presStyleIdx="0" presStyleCnt="7"/>
      <dgm:spPr/>
      <dgm:t>
        <a:bodyPr/>
        <a:lstStyle/>
        <a:p>
          <a:endParaRPr lang="en-US"/>
        </a:p>
      </dgm:t>
    </dgm:pt>
    <dgm:pt modelId="{55FD57AA-D4E2-49CB-894F-A4546A90226D}" type="pres">
      <dgm:prSet presAssocID="{146B5BCA-F4A0-4A38-B33B-EC8BFA2CE5CF}" presName="text3" presStyleLbl="fgAcc3" presStyleIdx="0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723E493-FC94-4BA6-9B42-EE921A71E7B6}" type="pres">
      <dgm:prSet presAssocID="{146B5BCA-F4A0-4A38-B33B-EC8BFA2CE5CF}" presName="hierChild4" presStyleCnt="0"/>
      <dgm:spPr/>
      <dgm:t>
        <a:bodyPr/>
        <a:lstStyle/>
        <a:p>
          <a:endParaRPr lang="en-US"/>
        </a:p>
      </dgm:t>
    </dgm:pt>
    <dgm:pt modelId="{6B5FEBAB-8837-4482-8475-02454E646497}" type="pres">
      <dgm:prSet presAssocID="{EAAC9F3D-08AD-45A0-9A5F-D7390FFDB894}" presName="Name17" presStyleLbl="parChTrans1D3" presStyleIdx="1" presStyleCnt="7"/>
      <dgm:spPr/>
      <dgm:t>
        <a:bodyPr/>
        <a:lstStyle/>
        <a:p>
          <a:endParaRPr lang="en-US"/>
        </a:p>
      </dgm:t>
    </dgm:pt>
    <dgm:pt modelId="{6FD540EF-744F-48DA-A8EC-7F073B1CADF4}" type="pres">
      <dgm:prSet presAssocID="{164FCC03-4F21-4358-A0AA-BBEEBC094581}" presName="hierRoot3" presStyleCnt="0"/>
      <dgm:spPr/>
      <dgm:t>
        <a:bodyPr/>
        <a:lstStyle/>
        <a:p>
          <a:endParaRPr lang="en-US"/>
        </a:p>
      </dgm:t>
    </dgm:pt>
    <dgm:pt modelId="{6DDA07EF-6815-4476-90D5-8200789CEEB9}" type="pres">
      <dgm:prSet presAssocID="{164FCC03-4F21-4358-A0AA-BBEEBC094581}" presName="composite3" presStyleCnt="0"/>
      <dgm:spPr/>
      <dgm:t>
        <a:bodyPr/>
        <a:lstStyle/>
        <a:p>
          <a:endParaRPr lang="en-US"/>
        </a:p>
      </dgm:t>
    </dgm:pt>
    <dgm:pt modelId="{DCB1E33D-13EC-4E25-974B-BEC1BFAB8C57}" type="pres">
      <dgm:prSet presAssocID="{164FCC03-4F21-4358-A0AA-BBEEBC094581}" presName="background3" presStyleLbl="node3" presStyleIdx="1" presStyleCnt="7"/>
      <dgm:spPr/>
      <dgm:t>
        <a:bodyPr/>
        <a:lstStyle/>
        <a:p>
          <a:endParaRPr lang="en-US"/>
        </a:p>
      </dgm:t>
    </dgm:pt>
    <dgm:pt modelId="{12B6613B-3143-4290-BD1E-F9C795102D53}" type="pres">
      <dgm:prSet presAssocID="{164FCC03-4F21-4358-A0AA-BBEEBC094581}" presName="text3" presStyleLbl="fgAcc3" presStyleIdx="1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0C3E7A23-657A-4D4E-8E8E-5F6F07AAE592}" type="pres">
      <dgm:prSet presAssocID="{164FCC03-4F21-4358-A0AA-BBEEBC094581}" presName="hierChild4" presStyleCnt="0"/>
      <dgm:spPr/>
      <dgm:t>
        <a:bodyPr/>
        <a:lstStyle/>
        <a:p>
          <a:endParaRPr lang="en-US"/>
        </a:p>
      </dgm:t>
    </dgm:pt>
    <dgm:pt modelId="{A5505B47-1C8A-4C07-AF2D-C665D2BAA430}" type="pres">
      <dgm:prSet presAssocID="{E426D81F-885D-4A50-9105-225BE949C588}" presName="Name23" presStyleLbl="parChTrans1D4" presStyleIdx="0" presStyleCnt="3"/>
      <dgm:spPr/>
      <dgm:t>
        <a:bodyPr/>
        <a:lstStyle/>
        <a:p>
          <a:endParaRPr lang="en-US"/>
        </a:p>
      </dgm:t>
    </dgm:pt>
    <dgm:pt modelId="{AFC5C2A6-033C-4BF7-9AD2-9E7BBCBB5102}" type="pres">
      <dgm:prSet presAssocID="{120DF69A-7722-4323-AC9F-CF716549C0C8}" presName="hierRoot4" presStyleCnt="0"/>
      <dgm:spPr/>
      <dgm:t>
        <a:bodyPr/>
        <a:lstStyle/>
        <a:p>
          <a:endParaRPr lang="en-US"/>
        </a:p>
      </dgm:t>
    </dgm:pt>
    <dgm:pt modelId="{9EC784B7-8165-4625-AABB-0F004035F8D4}" type="pres">
      <dgm:prSet presAssocID="{120DF69A-7722-4323-AC9F-CF716549C0C8}" presName="composite4" presStyleCnt="0"/>
      <dgm:spPr/>
      <dgm:t>
        <a:bodyPr/>
        <a:lstStyle/>
        <a:p>
          <a:endParaRPr lang="en-US"/>
        </a:p>
      </dgm:t>
    </dgm:pt>
    <dgm:pt modelId="{3EAB1CE4-68D7-4335-A270-8E3EB71A5790}" type="pres">
      <dgm:prSet presAssocID="{120DF69A-7722-4323-AC9F-CF716549C0C8}" presName="background4" presStyleLbl="node4" presStyleIdx="0" presStyleCnt="3"/>
      <dgm:spPr/>
      <dgm:t>
        <a:bodyPr/>
        <a:lstStyle/>
        <a:p>
          <a:endParaRPr lang="en-US"/>
        </a:p>
      </dgm:t>
    </dgm:pt>
    <dgm:pt modelId="{3B8B9209-6251-4FFD-B69F-48F18D4CC349}" type="pres">
      <dgm:prSet presAssocID="{120DF69A-7722-4323-AC9F-CF716549C0C8}" presName="text4" presStyleLbl="fgAcc4" presStyleIdx="0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4BBE044D-8067-4A5E-8B4F-6293FDF70F4A}" type="pres">
      <dgm:prSet presAssocID="{120DF69A-7722-4323-AC9F-CF716549C0C8}" presName="hierChild5" presStyleCnt="0"/>
      <dgm:spPr/>
      <dgm:t>
        <a:bodyPr/>
        <a:lstStyle/>
        <a:p>
          <a:endParaRPr lang="en-US"/>
        </a:p>
      </dgm:t>
    </dgm:pt>
    <dgm:pt modelId="{64D0538D-E072-4653-B991-7AC462ECA95E}" type="pres">
      <dgm:prSet presAssocID="{94307531-09D1-438D-8640-7E264C6EFC6E}" presName="Name23" presStyleLbl="parChTrans1D4" presStyleIdx="1" presStyleCnt="3"/>
      <dgm:spPr/>
      <dgm:t>
        <a:bodyPr/>
        <a:lstStyle/>
        <a:p>
          <a:endParaRPr lang="en-US"/>
        </a:p>
      </dgm:t>
    </dgm:pt>
    <dgm:pt modelId="{5B466F0E-7934-4073-8247-B7BC1FB60C1C}" type="pres">
      <dgm:prSet presAssocID="{A6415F64-6F7B-472D-8B37-6FF4CE623A27}" presName="hierRoot4" presStyleCnt="0"/>
      <dgm:spPr/>
      <dgm:t>
        <a:bodyPr/>
        <a:lstStyle/>
        <a:p>
          <a:endParaRPr lang="en-US"/>
        </a:p>
      </dgm:t>
    </dgm:pt>
    <dgm:pt modelId="{BFE84D15-95E1-46FA-A22C-5830295A92C2}" type="pres">
      <dgm:prSet presAssocID="{A6415F64-6F7B-472D-8B37-6FF4CE623A27}" presName="composite4" presStyleCnt="0"/>
      <dgm:spPr/>
      <dgm:t>
        <a:bodyPr/>
        <a:lstStyle/>
        <a:p>
          <a:endParaRPr lang="en-US"/>
        </a:p>
      </dgm:t>
    </dgm:pt>
    <dgm:pt modelId="{8629E89B-2488-4E84-8D53-9ABAE0E950DB}" type="pres">
      <dgm:prSet presAssocID="{A6415F64-6F7B-472D-8B37-6FF4CE623A27}" presName="background4" presStyleLbl="node4" presStyleIdx="1" presStyleCnt="3"/>
      <dgm:spPr/>
      <dgm:t>
        <a:bodyPr/>
        <a:lstStyle/>
        <a:p>
          <a:endParaRPr lang="en-US"/>
        </a:p>
      </dgm:t>
    </dgm:pt>
    <dgm:pt modelId="{6983FC9C-3F2A-407E-A90F-1A955985B64E}" type="pres">
      <dgm:prSet presAssocID="{A6415F64-6F7B-472D-8B37-6FF4CE623A27}" presName="text4" presStyleLbl="fgAcc4" presStyleIdx="1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3272FD52-00DE-4F04-91C8-9E071C01C60D}" type="pres">
      <dgm:prSet presAssocID="{A6415F64-6F7B-472D-8B37-6FF4CE623A27}" presName="hierChild5" presStyleCnt="0"/>
      <dgm:spPr/>
      <dgm:t>
        <a:bodyPr/>
        <a:lstStyle/>
        <a:p>
          <a:endParaRPr lang="en-US"/>
        </a:p>
      </dgm:t>
    </dgm:pt>
    <dgm:pt modelId="{B7EAC32E-5B12-4CF8-A403-4ABB602D7616}" type="pres">
      <dgm:prSet presAssocID="{8063EE34-467A-4F04-B562-3BB8FA14321A}" presName="Name23" presStyleLbl="parChTrans1D4" presStyleIdx="2" presStyleCnt="3"/>
      <dgm:spPr/>
      <dgm:t>
        <a:bodyPr/>
        <a:lstStyle/>
        <a:p>
          <a:endParaRPr lang="en-US"/>
        </a:p>
      </dgm:t>
    </dgm:pt>
    <dgm:pt modelId="{A2061678-C485-4AEC-A219-8485117BDA55}" type="pres">
      <dgm:prSet presAssocID="{8B3ED816-E32F-4E2D-936D-C2B06EBDAD38}" presName="hierRoot4" presStyleCnt="0"/>
      <dgm:spPr/>
      <dgm:t>
        <a:bodyPr/>
        <a:lstStyle/>
        <a:p>
          <a:endParaRPr lang="en-US"/>
        </a:p>
      </dgm:t>
    </dgm:pt>
    <dgm:pt modelId="{884039EC-1E5A-4B20-BEBE-45BFB018FD63}" type="pres">
      <dgm:prSet presAssocID="{8B3ED816-E32F-4E2D-936D-C2B06EBDAD38}" presName="composite4" presStyleCnt="0"/>
      <dgm:spPr/>
      <dgm:t>
        <a:bodyPr/>
        <a:lstStyle/>
        <a:p>
          <a:endParaRPr lang="en-US"/>
        </a:p>
      </dgm:t>
    </dgm:pt>
    <dgm:pt modelId="{1527F68E-B504-4B54-9F83-94EE448F2A71}" type="pres">
      <dgm:prSet presAssocID="{8B3ED816-E32F-4E2D-936D-C2B06EBDAD38}" presName="background4" presStyleLbl="node4" presStyleIdx="2" presStyleCnt="3"/>
      <dgm:spPr/>
      <dgm:t>
        <a:bodyPr/>
        <a:lstStyle/>
        <a:p>
          <a:endParaRPr lang="en-US"/>
        </a:p>
      </dgm:t>
    </dgm:pt>
    <dgm:pt modelId="{5B801A85-6C38-4204-A802-154EC5C79269}" type="pres">
      <dgm:prSet presAssocID="{8B3ED816-E32F-4E2D-936D-C2B06EBDAD38}" presName="text4" presStyleLbl="fgAcc4" presStyleIdx="2" presStyleCnt="3" custLinFactNeighborX="-1832" custLinFactNeighborY="559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FCC79C8-D43C-4512-AE9A-59D24C7A459B}" type="pres">
      <dgm:prSet presAssocID="{8B3ED816-E32F-4E2D-936D-C2B06EBDAD38}" presName="hierChild5" presStyleCnt="0"/>
      <dgm:spPr/>
      <dgm:t>
        <a:bodyPr/>
        <a:lstStyle/>
        <a:p>
          <a:endParaRPr lang="en-US"/>
        </a:p>
      </dgm:t>
    </dgm:pt>
    <dgm:pt modelId="{E14DB863-679E-4258-8402-2159575E641E}" type="pres">
      <dgm:prSet presAssocID="{66E68178-24ED-41B5-B93B-EC8F7F4577B4}" presName="Name17" presStyleLbl="parChTrans1D3" presStyleIdx="2" presStyleCnt="7"/>
      <dgm:spPr/>
      <dgm:t>
        <a:bodyPr/>
        <a:lstStyle/>
        <a:p>
          <a:endParaRPr lang="en-US"/>
        </a:p>
      </dgm:t>
    </dgm:pt>
    <dgm:pt modelId="{0812ACE5-CEE1-429F-995D-B9B65DA89E9F}" type="pres">
      <dgm:prSet presAssocID="{FB790FAE-9081-4482-965F-A132F8C0089D}" presName="hierRoot3" presStyleCnt="0"/>
      <dgm:spPr/>
      <dgm:t>
        <a:bodyPr/>
        <a:lstStyle/>
        <a:p>
          <a:endParaRPr lang="en-US"/>
        </a:p>
      </dgm:t>
    </dgm:pt>
    <dgm:pt modelId="{EB5D5F16-AFFD-46F2-A842-4FADEDF83D99}" type="pres">
      <dgm:prSet presAssocID="{FB790FAE-9081-4482-965F-A132F8C0089D}" presName="composite3" presStyleCnt="0"/>
      <dgm:spPr/>
      <dgm:t>
        <a:bodyPr/>
        <a:lstStyle/>
        <a:p>
          <a:endParaRPr lang="en-US"/>
        </a:p>
      </dgm:t>
    </dgm:pt>
    <dgm:pt modelId="{0D430ACC-0A24-4E88-8E41-B626B052AB56}" type="pres">
      <dgm:prSet presAssocID="{FB790FAE-9081-4482-965F-A132F8C0089D}" presName="background3" presStyleLbl="node3" presStyleIdx="2" presStyleCnt="7"/>
      <dgm:spPr/>
      <dgm:t>
        <a:bodyPr/>
        <a:lstStyle/>
        <a:p>
          <a:endParaRPr lang="en-US"/>
        </a:p>
      </dgm:t>
    </dgm:pt>
    <dgm:pt modelId="{154549B9-146B-470F-8DA8-7473A3C06B36}" type="pres">
      <dgm:prSet presAssocID="{FB790FAE-9081-4482-965F-A132F8C0089D}" presName="text3" presStyleLbl="fgAcc3" presStyleIdx="2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62ED22C2-0A5E-4540-BB2B-C347CFFB4BD0}" type="pres">
      <dgm:prSet presAssocID="{FB790FAE-9081-4482-965F-A132F8C0089D}" presName="hierChild4" presStyleCnt="0"/>
      <dgm:spPr/>
      <dgm:t>
        <a:bodyPr/>
        <a:lstStyle/>
        <a:p>
          <a:endParaRPr lang="en-US"/>
        </a:p>
      </dgm:t>
    </dgm:pt>
    <dgm:pt modelId="{13E913A0-B01D-43F1-B1A3-E3D474304F95}" type="pres">
      <dgm:prSet presAssocID="{D95CB556-0982-4642-9108-EFDA847395CF}" presName="Name10" presStyleLbl="parChTrans1D2" presStyleIdx="1" presStyleCnt="3"/>
      <dgm:spPr/>
      <dgm:t>
        <a:bodyPr/>
        <a:lstStyle/>
        <a:p>
          <a:endParaRPr lang="en-US"/>
        </a:p>
      </dgm:t>
    </dgm:pt>
    <dgm:pt modelId="{339373E9-6044-4E5C-B394-68699903D761}" type="pres">
      <dgm:prSet presAssocID="{34EF69ED-7733-43E5-9F02-75216E62B39D}" presName="hierRoot2" presStyleCnt="0"/>
      <dgm:spPr/>
      <dgm:t>
        <a:bodyPr/>
        <a:lstStyle/>
        <a:p>
          <a:endParaRPr lang="en-US"/>
        </a:p>
      </dgm:t>
    </dgm:pt>
    <dgm:pt modelId="{E66E8E9E-A9EE-4EBF-AF12-4E81C04674B7}" type="pres">
      <dgm:prSet presAssocID="{34EF69ED-7733-43E5-9F02-75216E62B39D}" presName="composite2" presStyleCnt="0"/>
      <dgm:spPr/>
      <dgm:t>
        <a:bodyPr/>
        <a:lstStyle/>
        <a:p>
          <a:endParaRPr lang="en-US"/>
        </a:p>
      </dgm:t>
    </dgm:pt>
    <dgm:pt modelId="{814D968B-BB58-4009-A740-66AD03AAD2CC}" type="pres">
      <dgm:prSet presAssocID="{34EF69ED-7733-43E5-9F02-75216E62B39D}" presName="background2" presStyleLbl="node2" presStyleIdx="1" presStyleCnt="3"/>
      <dgm:spPr/>
      <dgm:t>
        <a:bodyPr/>
        <a:lstStyle/>
        <a:p>
          <a:endParaRPr lang="en-US"/>
        </a:p>
      </dgm:t>
    </dgm:pt>
    <dgm:pt modelId="{F95FE02B-F52A-4D21-AD4B-153872E225D6}" type="pres">
      <dgm:prSet presAssocID="{34EF69ED-7733-43E5-9F02-75216E62B39D}" presName="text2" presStyleLbl="fgAcc2" presStyleIdx="1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A39EFEE-422D-4ABA-B7F3-81DFB819FD0D}" type="pres">
      <dgm:prSet presAssocID="{34EF69ED-7733-43E5-9F02-75216E62B39D}" presName="hierChild3" presStyleCnt="0"/>
      <dgm:spPr/>
      <dgm:t>
        <a:bodyPr/>
        <a:lstStyle/>
        <a:p>
          <a:endParaRPr lang="en-US"/>
        </a:p>
      </dgm:t>
    </dgm:pt>
    <dgm:pt modelId="{BFC7338C-D613-42CE-A3C8-1E1BCE0FEA62}" type="pres">
      <dgm:prSet presAssocID="{64522A3B-06D5-445A-B29E-95A5AD0616E8}" presName="Name17" presStyleLbl="parChTrans1D3" presStyleIdx="3" presStyleCnt="7"/>
      <dgm:spPr/>
      <dgm:t>
        <a:bodyPr/>
        <a:lstStyle/>
        <a:p>
          <a:endParaRPr lang="en-US"/>
        </a:p>
      </dgm:t>
    </dgm:pt>
    <dgm:pt modelId="{C7C97D94-D7A0-4A40-85BC-A8BB7FC74897}" type="pres">
      <dgm:prSet presAssocID="{CEC77832-0685-4061-85A9-2B7E04FC9927}" presName="hierRoot3" presStyleCnt="0"/>
      <dgm:spPr/>
      <dgm:t>
        <a:bodyPr/>
        <a:lstStyle/>
        <a:p>
          <a:endParaRPr lang="en-US"/>
        </a:p>
      </dgm:t>
    </dgm:pt>
    <dgm:pt modelId="{2031A2F7-2F71-4B37-86FE-0EE755FCFE64}" type="pres">
      <dgm:prSet presAssocID="{CEC77832-0685-4061-85A9-2B7E04FC9927}" presName="composite3" presStyleCnt="0"/>
      <dgm:spPr/>
      <dgm:t>
        <a:bodyPr/>
        <a:lstStyle/>
        <a:p>
          <a:endParaRPr lang="en-US"/>
        </a:p>
      </dgm:t>
    </dgm:pt>
    <dgm:pt modelId="{BB1DA2C6-9035-47F3-AABE-8B758B6D19F0}" type="pres">
      <dgm:prSet presAssocID="{CEC77832-0685-4061-85A9-2B7E04FC9927}" presName="background3" presStyleLbl="node3" presStyleIdx="3" presStyleCnt="7"/>
      <dgm:spPr/>
      <dgm:t>
        <a:bodyPr/>
        <a:lstStyle/>
        <a:p>
          <a:endParaRPr lang="en-US"/>
        </a:p>
      </dgm:t>
    </dgm:pt>
    <dgm:pt modelId="{9D06AB76-11B4-4CAA-9887-9CEC3100795D}" type="pres">
      <dgm:prSet presAssocID="{CEC77832-0685-4061-85A9-2B7E04FC9927}" presName="text3" presStyleLbl="fgAcc3" presStyleIdx="3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0FBA9DA4-F179-4E1B-A77C-ED9B91C4EB81}" type="pres">
      <dgm:prSet presAssocID="{CEC77832-0685-4061-85A9-2B7E04FC9927}" presName="hierChild4" presStyleCnt="0"/>
      <dgm:spPr/>
      <dgm:t>
        <a:bodyPr/>
        <a:lstStyle/>
        <a:p>
          <a:endParaRPr lang="en-US"/>
        </a:p>
      </dgm:t>
    </dgm:pt>
    <dgm:pt modelId="{E71D3D05-A41D-4581-93F6-4963BA212C02}" type="pres">
      <dgm:prSet presAssocID="{03C60D3E-A69D-489E-AC23-D2EF12F2CE12}" presName="Name17" presStyleLbl="parChTrans1D3" presStyleIdx="4" presStyleCnt="7"/>
      <dgm:spPr/>
      <dgm:t>
        <a:bodyPr/>
        <a:lstStyle/>
        <a:p>
          <a:endParaRPr lang="en-US"/>
        </a:p>
      </dgm:t>
    </dgm:pt>
    <dgm:pt modelId="{27E3339F-5AE3-4DCA-BA54-7237F92CC764}" type="pres">
      <dgm:prSet presAssocID="{9497D2F0-AED9-4CC8-831F-177A445E6114}" presName="hierRoot3" presStyleCnt="0"/>
      <dgm:spPr/>
      <dgm:t>
        <a:bodyPr/>
        <a:lstStyle/>
        <a:p>
          <a:endParaRPr lang="en-US"/>
        </a:p>
      </dgm:t>
    </dgm:pt>
    <dgm:pt modelId="{9F52A907-06F2-4EF8-979C-72A42B5EAD99}" type="pres">
      <dgm:prSet presAssocID="{9497D2F0-AED9-4CC8-831F-177A445E6114}" presName="composite3" presStyleCnt="0"/>
      <dgm:spPr/>
      <dgm:t>
        <a:bodyPr/>
        <a:lstStyle/>
        <a:p>
          <a:endParaRPr lang="en-US"/>
        </a:p>
      </dgm:t>
    </dgm:pt>
    <dgm:pt modelId="{C410A2C1-12AA-4197-9D2B-0529261F107A}" type="pres">
      <dgm:prSet presAssocID="{9497D2F0-AED9-4CC8-831F-177A445E6114}" presName="background3" presStyleLbl="node3" presStyleIdx="4" presStyleCnt="7"/>
      <dgm:spPr/>
      <dgm:t>
        <a:bodyPr/>
        <a:lstStyle/>
        <a:p>
          <a:endParaRPr lang="en-US"/>
        </a:p>
      </dgm:t>
    </dgm:pt>
    <dgm:pt modelId="{CFD81334-87C5-4BAE-8B17-A68BD1AC0BD4}" type="pres">
      <dgm:prSet presAssocID="{9497D2F0-AED9-4CC8-831F-177A445E6114}" presName="text3" presStyleLbl="fgAcc3" presStyleIdx="4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A5150FE9-C062-4E32-8FE0-AEF65E8E8DB1}" type="pres">
      <dgm:prSet presAssocID="{9497D2F0-AED9-4CC8-831F-177A445E6114}" presName="hierChild4" presStyleCnt="0"/>
      <dgm:spPr/>
      <dgm:t>
        <a:bodyPr/>
        <a:lstStyle/>
        <a:p>
          <a:endParaRPr lang="en-US"/>
        </a:p>
      </dgm:t>
    </dgm:pt>
    <dgm:pt modelId="{63C1F878-72D2-4A3E-8C52-F4A9B1783C33}" type="pres">
      <dgm:prSet presAssocID="{F35C7394-B5A1-4DA6-8CB6-266F244050FF}" presName="Name10" presStyleLbl="parChTrans1D2" presStyleIdx="2" presStyleCnt="3"/>
      <dgm:spPr/>
      <dgm:t>
        <a:bodyPr/>
        <a:lstStyle/>
        <a:p>
          <a:endParaRPr lang="en-US"/>
        </a:p>
      </dgm:t>
    </dgm:pt>
    <dgm:pt modelId="{1E81980F-514B-4025-9970-41BB1CADB2F6}" type="pres">
      <dgm:prSet presAssocID="{CFFFFC5D-AF08-4DBC-BBC6-D030BF6032CA}" presName="hierRoot2" presStyleCnt="0"/>
      <dgm:spPr/>
      <dgm:t>
        <a:bodyPr/>
        <a:lstStyle/>
        <a:p>
          <a:endParaRPr lang="en-US"/>
        </a:p>
      </dgm:t>
    </dgm:pt>
    <dgm:pt modelId="{761BEE10-E504-4CCC-A679-C64E921601B3}" type="pres">
      <dgm:prSet presAssocID="{CFFFFC5D-AF08-4DBC-BBC6-D030BF6032CA}" presName="composite2" presStyleCnt="0"/>
      <dgm:spPr/>
      <dgm:t>
        <a:bodyPr/>
        <a:lstStyle/>
        <a:p>
          <a:endParaRPr lang="en-US"/>
        </a:p>
      </dgm:t>
    </dgm:pt>
    <dgm:pt modelId="{53DA5E8F-87F9-40FC-9678-EFD0486B275A}" type="pres">
      <dgm:prSet presAssocID="{CFFFFC5D-AF08-4DBC-BBC6-D030BF6032CA}" presName="background2" presStyleLbl="node2" presStyleIdx="2" presStyleCnt="3"/>
      <dgm:spPr/>
      <dgm:t>
        <a:bodyPr/>
        <a:lstStyle/>
        <a:p>
          <a:endParaRPr lang="en-US"/>
        </a:p>
      </dgm:t>
    </dgm:pt>
    <dgm:pt modelId="{08017F3B-DDE1-42D3-931F-E089B2220CD1}" type="pres">
      <dgm:prSet presAssocID="{CFFFFC5D-AF08-4DBC-BBC6-D030BF6032CA}" presName="text2" presStyleLbl="fgAcc2" presStyleIdx="2" presStyleCnt="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505FF4D1-3B4E-4A8D-9FE0-D5F0BC0CBAFB}" type="pres">
      <dgm:prSet presAssocID="{CFFFFC5D-AF08-4DBC-BBC6-D030BF6032CA}" presName="hierChild3" presStyleCnt="0"/>
      <dgm:spPr/>
      <dgm:t>
        <a:bodyPr/>
        <a:lstStyle/>
        <a:p>
          <a:endParaRPr lang="en-US"/>
        </a:p>
      </dgm:t>
    </dgm:pt>
    <dgm:pt modelId="{119D0B73-716F-4D2A-AEE4-D492EC9766E1}" type="pres">
      <dgm:prSet presAssocID="{2C145E38-359D-4C52-A551-E5243663F61C}" presName="Name17" presStyleLbl="parChTrans1D3" presStyleIdx="5" presStyleCnt="7"/>
      <dgm:spPr/>
      <dgm:t>
        <a:bodyPr/>
        <a:lstStyle/>
        <a:p>
          <a:endParaRPr lang="en-US"/>
        </a:p>
      </dgm:t>
    </dgm:pt>
    <dgm:pt modelId="{46BC6F15-F313-40BB-BD7E-43CBB73FF9F8}" type="pres">
      <dgm:prSet presAssocID="{8A4215E9-DF47-499E-B09C-2F9AEDDEEAE9}" presName="hierRoot3" presStyleCnt="0"/>
      <dgm:spPr/>
      <dgm:t>
        <a:bodyPr/>
        <a:lstStyle/>
        <a:p>
          <a:endParaRPr lang="en-US"/>
        </a:p>
      </dgm:t>
    </dgm:pt>
    <dgm:pt modelId="{0CDCB363-A525-437F-8B66-557BC139DCF2}" type="pres">
      <dgm:prSet presAssocID="{8A4215E9-DF47-499E-B09C-2F9AEDDEEAE9}" presName="composite3" presStyleCnt="0"/>
      <dgm:spPr/>
      <dgm:t>
        <a:bodyPr/>
        <a:lstStyle/>
        <a:p>
          <a:endParaRPr lang="en-US"/>
        </a:p>
      </dgm:t>
    </dgm:pt>
    <dgm:pt modelId="{C1D5E974-C272-426D-9C3B-33FC0063D5F1}" type="pres">
      <dgm:prSet presAssocID="{8A4215E9-DF47-499E-B09C-2F9AEDDEEAE9}" presName="background3" presStyleLbl="node3" presStyleIdx="5" presStyleCnt="7"/>
      <dgm:spPr/>
      <dgm:t>
        <a:bodyPr/>
        <a:lstStyle/>
        <a:p>
          <a:endParaRPr lang="en-US"/>
        </a:p>
      </dgm:t>
    </dgm:pt>
    <dgm:pt modelId="{2890AA37-9CAE-47C1-8091-0E18D98AD0A1}" type="pres">
      <dgm:prSet presAssocID="{8A4215E9-DF47-499E-B09C-2F9AEDDEEAE9}" presName="text3" presStyleLbl="fgAcc3" presStyleIdx="5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D87BC4B-7992-4E45-80F6-5450369E5C47}" type="pres">
      <dgm:prSet presAssocID="{8A4215E9-DF47-499E-B09C-2F9AEDDEEAE9}" presName="hierChild4" presStyleCnt="0"/>
      <dgm:spPr/>
      <dgm:t>
        <a:bodyPr/>
        <a:lstStyle/>
        <a:p>
          <a:endParaRPr lang="en-US"/>
        </a:p>
      </dgm:t>
    </dgm:pt>
    <dgm:pt modelId="{86886F70-53AC-4A1D-B166-B252409AE4D6}" type="pres">
      <dgm:prSet presAssocID="{CE4DF660-7BD9-4C61-8058-864A150E86EF}" presName="Name17" presStyleLbl="parChTrans1D3" presStyleIdx="6" presStyleCnt="7"/>
      <dgm:spPr/>
      <dgm:t>
        <a:bodyPr/>
        <a:lstStyle/>
        <a:p>
          <a:endParaRPr lang="en-US"/>
        </a:p>
      </dgm:t>
    </dgm:pt>
    <dgm:pt modelId="{655DDC92-92EE-41CD-B10F-5D5A0D584C78}" type="pres">
      <dgm:prSet presAssocID="{1539CEEE-F833-450D-91EB-04F96A2AEAA2}" presName="hierRoot3" presStyleCnt="0"/>
      <dgm:spPr/>
      <dgm:t>
        <a:bodyPr/>
        <a:lstStyle/>
        <a:p>
          <a:endParaRPr lang="en-US"/>
        </a:p>
      </dgm:t>
    </dgm:pt>
    <dgm:pt modelId="{77CC0852-CC1D-4E4D-8572-4C03ABBFFC1B}" type="pres">
      <dgm:prSet presAssocID="{1539CEEE-F833-450D-91EB-04F96A2AEAA2}" presName="composite3" presStyleCnt="0"/>
      <dgm:spPr/>
      <dgm:t>
        <a:bodyPr/>
        <a:lstStyle/>
        <a:p>
          <a:endParaRPr lang="en-US"/>
        </a:p>
      </dgm:t>
    </dgm:pt>
    <dgm:pt modelId="{50D474EC-98DC-4737-BC55-92D95CD2A76F}" type="pres">
      <dgm:prSet presAssocID="{1539CEEE-F833-450D-91EB-04F96A2AEAA2}" presName="background3" presStyleLbl="node3" presStyleIdx="6" presStyleCnt="7"/>
      <dgm:spPr/>
      <dgm:t>
        <a:bodyPr/>
        <a:lstStyle/>
        <a:p>
          <a:endParaRPr lang="en-US"/>
        </a:p>
      </dgm:t>
    </dgm:pt>
    <dgm:pt modelId="{28F275B9-56B8-41B6-B830-2E9E5E01E9CB}" type="pres">
      <dgm:prSet presAssocID="{1539CEEE-F833-450D-91EB-04F96A2AEAA2}" presName="text3" presStyleLbl="fgAcc3" presStyleIdx="6" presStyleCnt="7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479EEF34-32FF-44F2-B9DF-858C6F9E4A7F}" type="pres">
      <dgm:prSet presAssocID="{1539CEEE-F833-450D-91EB-04F96A2AEAA2}" presName="hierChild4" presStyleCnt="0"/>
      <dgm:spPr/>
      <dgm:t>
        <a:bodyPr/>
        <a:lstStyle/>
        <a:p>
          <a:endParaRPr lang="en-US"/>
        </a:p>
      </dgm:t>
    </dgm:pt>
  </dgm:ptLst>
  <dgm:cxnLst>
    <dgm:cxn modelId="{822E4303-33E7-4D18-B031-B566F5D774FE}" type="presOf" srcId="{EAAC9F3D-08AD-45A0-9A5F-D7390FFDB894}" destId="{6B5FEBAB-8837-4482-8475-02454E646497}" srcOrd="0" destOrd="0" presId="urn:microsoft.com/office/officeart/2005/8/layout/hierarchy1"/>
    <dgm:cxn modelId="{21D952BD-3125-4BB1-AAC0-2F9DCBE13B1C}" type="presOf" srcId="{146B5BCA-F4A0-4A38-B33B-EC8BFA2CE5CF}" destId="{55FD57AA-D4E2-49CB-894F-A4546A90226D}" srcOrd="0" destOrd="0" presId="urn:microsoft.com/office/officeart/2005/8/layout/hierarchy1"/>
    <dgm:cxn modelId="{641B92A5-D8D0-4FA4-9AA7-46A9A9B8C571}" type="presOf" srcId="{34EF69ED-7733-43E5-9F02-75216E62B39D}" destId="{F95FE02B-F52A-4D21-AD4B-153872E225D6}" srcOrd="0" destOrd="0" presId="urn:microsoft.com/office/officeart/2005/8/layout/hierarchy1"/>
    <dgm:cxn modelId="{5A1A34D1-58B2-4611-801D-A477054B8543}" srcId="{EAF97F65-8743-416C-95B4-C2A504120B0F}" destId="{146B5BCA-F4A0-4A38-B33B-EC8BFA2CE5CF}" srcOrd="0" destOrd="0" parTransId="{FC127E7E-FFD8-4856-B22A-FC2DE70AAD12}" sibTransId="{861FB706-A371-43B4-A9C0-19E307330018}"/>
    <dgm:cxn modelId="{12D853DA-BBB4-4AF0-9957-027FF8E680B0}" type="presOf" srcId="{F35C7394-B5A1-4DA6-8CB6-266F244050FF}" destId="{63C1F878-72D2-4A3E-8C52-F4A9B1783C33}" srcOrd="0" destOrd="0" presId="urn:microsoft.com/office/officeart/2005/8/layout/hierarchy1"/>
    <dgm:cxn modelId="{1F8D9674-CFAA-42A5-A427-2FE9D9ADC9B0}" type="presOf" srcId="{8063EE34-467A-4F04-B562-3BB8FA14321A}" destId="{B7EAC32E-5B12-4CF8-A403-4ABB602D7616}" srcOrd="0" destOrd="0" presId="urn:microsoft.com/office/officeart/2005/8/layout/hierarchy1"/>
    <dgm:cxn modelId="{525F753E-FD0D-41B7-B5F8-5EF2C1131A4C}" type="presOf" srcId="{03C60D3E-A69D-489E-AC23-D2EF12F2CE12}" destId="{E71D3D05-A41D-4581-93F6-4963BA212C02}" srcOrd="0" destOrd="0" presId="urn:microsoft.com/office/officeart/2005/8/layout/hierarchy1"/>
    <dgm:cxn modelId="{35D4A3C1-A949-40C3-92EC-46703753A933}" srcId="{164FCC03-4F21-4358-A0AA-BBEEBC094581}" destId="{8B3ED816-E32F-4E2D-936D-C2B06EBDAD38}" srcOrd="1" destOrd="0" parTransId="{8063EE34-467A-4F04-B562-3BB8FA14321A}" sibTransId="{6330710A-BF7D-4CF9-B9FA-50719076D40E}"/>
    <dgm:cxn modelId="{AC1A9F9F-FC77-42F7-A7EB-2992CACEFDA0}" type="presOf" srcId="{9497D2F0-AED9-4CC8-831F-177A445E6114}" destId="{CFD81334-87C5-4BAE-8B17-A68BD1AC0BD4}" srcOrd="0" destOrd="0" presId="urn:microsoft.com/office/officeart/2005/8/layout/hierarchy1"/>
    <dgm:cxn modelId="{4996B7D4-F002-4B93-ABD0-BE881D6EEB9F}" type="presOf" srcId="{66E68178-24ED-41B5-B93B-EC8F7F4577B4}" destId="{E14DB863-679E-4258-8402-2159575E641E}" srcOrd="0" destOrd="0" presId="urn:microsoft.com/office/officeart/2005/8/layout/hierarchy1"/>
    <dgm:cxn modelId="{72C4CAF0-CFEA-4DFE-AF15-8865C2C67622}" srcId="{6213EA93-67B3-4DEB-8CC6-93A0B2AF7CD7}" destId="{CFFFFC5D-AF08-4DBC-BBC6-D030BF6032CA}" srcOrd="2" destOrd="0" parTransId="{F35C7394-B5A1-4DA6-8CB6-266F244050FF}" sibTransId="{F72DB7AB-BC64-42E9-8FCA-AB1A6321FB32}"/>
    <dgm:cxn modelId="{0A8B5D7B-498B-4175-9B5B-973A1B701F1A}" type="presOf" srcId="{2C145E38-359D-4C52-A551-E5243663F61C}" destId="{119D0B73-716F-4D2A-AEE4-D492EC9766E1}" srcOrd="0" destOrd="0" presId="urn:microsoft.com/office/officeart/2005/8/layout/hierarchy1"/>
    <dgm:cxn modelId="{7E835D5D-2304-464B-A0B4-8F5DDDE65166}" srcId="{EAF97F65-8743-416C-95B4-C2A504120B0F}" destId="{FB790FAE-9081-4482-965F-A132F8C0089D}" srcOrd="2" destOrd="0" parTransId="{66E68178-24ED-41B5-B93B-EC8F7F4577B4}" sibTransId="{F7A7ABE2-8DBF-4022-8CAF-71E6248F51D8}"/>
    <dgm:cxn modelId="{4C3D5DA4-4E22-49D2-8A9A-EB38B09280C2}" srcId="{6213EA93-67B3-4DEB-8CC6-93A0B2AF7CD7}" destId="{34EF69ED-7733-43E5-9F02-75216E62B39D}" srcOrd="1" destOrd="0" parTransId="{D95CB556-0982-4642-9108-EFDA847395CF}" sibTransId="{B6844C36-BF59-4369-A225-8E816E956898}"/>
    <dgm:cxn modelId="{B9BD776E-B168-4B4A-BF33-400B6CD11831}" type="presOf" srcId="{EAF97F65-8743-416C-95B4-C2A504120B0F}" destId="{D8BBCCEC-793A-4277-AD06-599860F93258}" srcOrd="0" destOrd="0" presId="urn:microsoft.com/office/officeart/2005/8/layout/hierarchy1"/>
    <dgm:cxn modelId="{5493F64F-7F27-43D3-815E-35D7FED6B37F}" srcId="{CFFFFC5D-AF08-4DBC-BBC6-D030BF6032CA}" destId="{1539CEEE-F833-450D-91EB-04F96A2AEAA2}" srcOrd="1" destOrd="0" parTransId="{CE4DF660-7BD9-4C61-8058-864A150E86EF}" sibTransId="{30BAB5DF-8466-4945-A435-31F496D4106B}"/>
    <dgm:cxn modelId="{4013BFC7-B063-4AD4-8421-7CFC115D346F}" type="presOf" srcId="{8B3ED816-E32F-4E2D-936D-C2B06EBDAD38}" destId="{5B801A85-6C38-4204-A802-154EC5C79269}" srcOrd="0" destOrd="0" presId="urn:microsoft.com/office/officeart/2005/8/layout/hierarchy1"/>
    <dgm:cxn modelId="{8156BB83-A6AC-4E20-B167-70673F9E015B}" type="presOf" srcId="{164FCC03-4F21-4358-A0AA-BBEEBC094581}" destId="{12B6613B-3143-4290-BD1E-F9C795102D53}" srcOrd="0" destOrd="0" presId="urn:microsoft.com/office/officeart/2005/8/layout/hierarchy1"/>
    <dgm:cxn modelId="{D3E65C96-F127-4434-A1C1-A7EE7E44FF0B}" type="presOf" srcId="{E426D81F-885D-4A50-9105-225BE949C588}" destId="{A5505B47-1C8A-4C07-AF2D-C665D2BAA430}" srcOrd="0" destOrd="0" presId="urn:microsoft.com/office/officeart/2005/8/layout/hierarchy1"/>
    <dgm:cxn modelId="{978388B3-EB8F-4139-B38A-114233FC2BB6}" srcId="{6213EA93-67B3-4DEB-8CC6-93A0B2AF7CD7}" destId="{EAF97F65-8743-416C-95B4-C2A504120B0F}" srcOrd="0" destOrd="0" parTransId="{15FC0DA2-D4A5-4ADB-8E29-59099AD0F12C}" sibTransId="{EA3E39D9-C3F2-4BF2-B34A-03920DBAC485}"/>
    <dgm:cxn modelId="{865F6145-14E1-44E3-9F07-06AA586E9E54}" type="presOf" srcId="{120DF69A-7722-4323-AC9F-CF716549C0C8}" destId="{3B8B9209-6251-4FFD-B69F-48F18D4CC349}" srcOrd="0" destOrd="0" presId="urn:microsoft.com/office/officeart/2005/8/layout/hierarchy1"/>
    <dgm:cxn modelId="{C0B55631-A826-42C8-854E-3F4685F58CB3}" type="presOf" srcId="{15FC0DA2-D4A5-4ADB-8E29-59099AD0F12C}" destId="{47C6150A-D796-4FB1-9AC7-64B824B4A8AC}" srcOrd="0" destOrd="0" presId="urn:microsoft.com/office/officeart/2005/8/layout/hierarchy1"/>
    <dgm:cxn modelId="{B88A67B5-100A-48F1-9455-5D483BDB4B8F}" srcId="{34EF69ED-7733-43E5-9F02-75216E62B39D}" destId="{9497D2F0-AED9-4CC8-831F-177A445E6114}" srcOrd="1" destOrd="0" parTransId="{03C60D3E-A69D-489E-AC23-D2EF12F2CE12}" sibTransId="{0E9A1C67-F77C-49EB-96B3-86F1B9D3FF94}"/>
    <dgm:cxn modelId="{48687E3F-DD46-469F-9D1B-93D3B17186B6}" srcId="{164FCC03-4F21-4358-A0AA-BBEEBC094581}" destId="{120DF69A-7722-4323-AC9F-CF716549C0C8}" srcOrd="0" destOrd="0" parTransId="{E426D81F-885D-4A50-9105-225BE949C588}" sibTransId="{C346EB37-E58C-470E-B877-85487D141B42}"/>
    <dgm:cxn modelId="{C7595FEE-9275-4A5C-B9DA-D0C5BBC0D2A4}" type="presOf" srcId="{FB790FAE-9081-4482-965F-A132F8C0089D}" destId="{154549B9-146B-470F-8DA8-7473A3C06B36}" srcOrd="0" destOrd="0" presId="urn:microsoft.com/office/officeart/2005/8/layout/hierarchy1"/>
    <dgm:cxn modelId="{90A13D7D-1A17-45EC-BBEE-150623E52742}" type="presOf" srcId="{A6415F64-6F7B-472D-8B37-6FF4CE623A27}" destId="{6983FC9C-3F2A-407E-A90F-1A955985B64E}" srcOrd="0" destOrd="0" presId="urn:microsoft.com/office/officeart/2005/8/layout/hierarchy1"/>
    <dgm:cxn modelId="{ED06E7D1-B82C-4C60-B10C-44EEF35A638A}" srcId="{34EF69ED-7733-43E5-9F02-75216E62B39D}" destId="{CEC77832-0685-4061-85A9-2B7E04FC9927}" srcOrd="0" destOrd="0" parTransId="{64522A3B-06D5-445A-B29E-95A5AD0616E8}" sibTransId="{DC723360-4464-4AC6-AC92-037B46B955A1}"/>
    <dgm:cxn modelId="{235468F0-572A-4463-8EB4-43E17B41EABE}" type="presOf" srcId="{D95CB556-0982-4642-9108-EFDA847395CF}" destId="{13E913A0-B01D-43F1-B1A3-E3D474304F95}" srcOrd="0" destOrd="0" presId="urn:microsoft.com/office/officeart/2005/8/layout/hierarchy1"/>
    <dgm:cxn modelId="{A43F2893-82A9-4D28-9685-E0BE99CB288E}" srcId="{07243DD6-7908-4AFA-8F08-F5DA4913D758}" destId="{6213EA93-67B3-4DEB-8CC6-93A0B2AF7CD7}" srcOrd="0" destOrd="0" parTransId="{22F01FA1-DAEC-40BA-8433-5E146EC5406F}" sibTransId="{0B401069-F5DA-4C26-8D27-41C74B853B00}"/>
    <dgm:cxn modelId="{790CB2E4-4578-4B87-97C9-85B4AA688E23}" type="presOf" srcId="{64522A3B-06D5-445A-B29E-95A5AD0616E8}" destId="{BFC7338C-D613-42CE-A3C8-1E1BCE0FEA62}" srcOrd="0" destOrd="0" presId="urn:microsoft.com/office/officeart/2005/8/layout/hierarchy1"/>
    <dgm:cxn modelId="{4839E010-8780-4C00-98AC-7DC73821F0A3}" type="presOf" srcId="{94307531-09D1-438D-8640-7E264C6EFC6E}" destId="{64D0538D-E072-4653-B991-7AC462ECA95E}" srcOrd="0" destOrd="0" presId="urn:microsoft.com/office/officeart/2005/8/layout/hierarchy1"/>
    <dgm:cxn modelId="{7D8D9B28-E30E-4E8D-8B9F-A342AF650A7F}" type="presOf" srcId="{07243DD6-7908-4AFA-8F08-F5DA4913D758}" destId="{7F5C8212-F3D4-43A4-A29B-CB4BB8C5A431}" srcOrd="0" destOrd="0" presId="urn:microsoft.com/office/officeart/2005/8/layout/hierarchy1"/>
    <dgm:cxn modelId="{1802ADA0-5C5F-4A00-8ED5-5BD1DE217DB7}" srcId="{CFFFFC5D-AF08-4DBC-BBC6-D030BF6032CA}" destId="{8A4215E9-DF47-499E-B09C-2F9AEDDEEAE9}" srcOrd="0" destOrd="0" parTransId="{2C145E38-359D-4C52-A551-E5243663F61C}" sibTransId="{73F09B71-913C-447D-A512-970083E781FB}"/>
    <dgm:cxn modelId="{5205C987-99F0-496D-BCBA-C4304B52C3AF}" type="presOf" srcId="{6213EA93-67B3-4DEB-8CC6-93A0B2AF7CD7}" destId="{868D9E49-D88B-430E-AC72-CD00412C6BE0}" srcOrd="0" destOrd="0" presId="urn:microsoft.com/office/officeart/2005/8/layout/hierarchy1"/>
    <dgm:cxn modelId="{0E739519-AA6E-4D91-B367-27966A51932A}" srcId="{EAF97F65-8743-416C-95B4-C2A504120B0F}" destId="{164FCC03-4F21-4358-A0AA-BBEEBC094581}" srcOrd="1" destOrd="0" parTransId="{EAAC9F3D-08AD-45A0-9A5F-D7390FFDB894}" sibTransId="{FFB6B58E-C828-46F3-9736-BEC2483E4506}"/>
    <dgm:cxn modelId="{12D1F306-5F92-4D66-8EF2-B8E17CE1AFA5}" type="presOf" srcId="{FC127E7E-FFD8-4856-B22A-FC2DE70AAD12}" destId="{EB928631-2B17-47FC-8968-E2AAB4978614}" srcOrd="0" destOrd="0" presId="urn:microsoft.com/office/officeart/2005/8/layout/hierarchy1"/>
    <dgm:cxn modelId="{2B0BF8D7-2D20-43CB-ABD6-09351706499A}" type="presOf" srcId="{CE4DF660-7BD9-4C61-8058-864A150E86EF}" destId="{86886F70-53AC-4A1D-B166-B252409AE4D6}" srcOrd="0" destOrd="0" presId="urn:microsoft.com/office/officeart/2005/8/layout/hierarchy1"/>
    <dgm:cxn modelId="{0C8EC5C2-8F62-42F5-BC90-52420645E177}" type="presOf" srcId="{CEC77832-0685-4061-85A9-2B7E04FC9927}" destId="{9D06AB76-11B4-4CAA-9887-9CEC3100795D}" srcOrd="0" destOrd="0" presId="urn:microsoft.com/office/officeart/2005/8/layout/hierarchy1"/>
    <dgm:cxn modelId="{F7AEA94D-6528-4EA6-BBF7-9059C5B642B2}" type="presOf" srcId="{1539CEEE-F833-450D-91EB-04F96A2AEAA2}" destId="{28F275B9-56B8-41B6-B830-2E9E5E01E9CB}" srcOrd="0" destOrd="0" presId="urn:microsoft.com/office/officeart/2005/8/layout/hierarchy1"/>
    <dgm:cxn modelId="{27B1BEB2-EB3A-426A-9F80-98EE3D9C1B0F}" srcId="{120DF69A-7722-4323-AC9F-CF716549C0C8}" destId="{A6415F64-6F7B-472D-8B37-6FF4CE623A27}" srcOrd="0" destOrd="0" parTransId="{94307531-09D1-438D-8640-7E264C6EFC6E}" sibTransId="{16016514-631E-45CB-B1AE-EBF36B5C83F1}"/>
    <dgm:cxn modelId="{7100147E-BADB-401F-B214-60F0399A3FD7}" type="presOf" srcId="{8A4215E9-DF47-499E-B09C-2F9AEDDEEAE9}" destId="{2890AA37-9CAE-47C1-8091-0E18D98AD0A1}" srcOrd="0" destOrd="0" presId="urn:microsoft.com/office/officeart/2005/8/layout/hierarchy1"/>
    <dgm:cxn modelId="{459FB6C1-4DE2-47F8-810B-D2396FE001AA}" type="presOf" srcId="{CFFFFC5D-AF08-4DBC-BBC6-D030BF6032CA}" destId="{08017F3B-DDE1-42D3-931F-E089B2220CD1}" srcOrd="0" destOrd="0" presId="urn:microsoft.com/office/officeart/2005/8/layout/hierarchy1"/>
    <dgm:cxn modelId="{E1AACD56-186E-4DC6-8D09-A054A0F7ADAE}" type="presParOf" srcId="{7F5C8212-F3D4-43A4-A29B-CB4BB8C5A431}" destId="{CE8C80FB-60E7-4AF2-A5D4-70F61A3AF146}" srcOrd="0" destOrd="0" presId="urn:microsoft.com/office/officeart/2005/8/layout/hierarchy1"/>
    <dgm:cxn modelId="{129CB4E1-6BF6-49CF-8CEB-9BF26DF68D63}" type="presParOf" srcId="{CE8C80FB-60E7-4AF2-A5D4-70F61A3AF146}" destId="{874EBE65-A3F8-4DDE-B261-0F583100BA2A}" srcOrd="0" destOrd="0" presId="urn:microsoft.com/office/officeart/2005/8/layout/hierarchy1"/>
    <dgm:cxn modelId="{53825794-2FE3-4F67-9325-CF8CC6065C4E}" type="presParOf" srcId="{874EBE65-A3F8-4DDE-B261-0F583100BA2A}" destId="{987E00FC-04B5-4421-A96F-CA460E2B19DF}" srcOrd="0" destOrd="0" presId="urn:microsoft.com/office/officeart/2005/8/layout/hierarchy1"/>
    <dgm:cxn modelId="{465767CB-40F0-4997-8C52-9D1A563B9309}" type="presParOf" srcId="{874EBE65-A3F8-4DDE-B261-0F583100BA2A}" destId="{868D9E49-D88B-430E-AC72-CD00412C6BE0}" srcOrd="1" destOrd="0" presId="urn:microsoft.com/office/officeart/2005/8/layout/hierarchy1"/>
    <dgm:cxn modelId="{DB99DF6F-3F99-4CAE-8E4A-AE7E7B7E2CB1}" type="presParOf" srcId="{CE8C80FB-60E7-4AF2-A5D4-70F61A3AF146}" destId="{EC468468-BDA1-487F-88FB-B9ABBC5E6DDC}" srcOrd="1" destOrd="0" presId="urn:microsoft.com/office/officeart/2005/8/layout/hierarchy1"/>
    <dgm:cxn modelId="{EB4AA996-DE8B-4BE2-AF28-0CA28C6F9F3E}" type="presParOf" srcId="{EC468468-BDA1-487F-88FB-B9ABBC5E6DDC}" destId="{47C6150A-D796-4FB1-9AC7-64B824B4A8AC}" srcOrd="0" destOrd="0" presId="urn:microsoft.com/office/officeart/2005/8/layout/hierarchy1"/>
    <dgm:cxn modelId="{97CB67FC-B15B-475A-8902-F7BD5B62879E}" type="presParOf" srcId="{EC468468-BDA1-487F-88FB-B9ABBC5E6DDC}" destId="{56059F83-EEDF-4592-9895-E2B4617E7D80}" srcOrd="1" destOrd="0" presId="urn:microsoft.com/office/officeart/2005/8/layout/hierarchy1"/>
    <dgm:cxn modelId="{1084D7EA-BDD5-4A70-8605-263A59856CC3}" type="presParOf" srcId="{56059F83-EEDF-4592-9895-E2B4617E7D80}" destId="{F9E8864B-0266-4B71-AE20-FF928823FD57}" srcOrd="0" destOrd="0" presId="urn:microsoft.com/office/officeart/2005/8/layout/hierarchy1"/>
    <dgm:cxn modelId="{84ED15BC-FD59-40FE-8007-816AE6B85FCD}" type="presParOf" srcId="{F9E8864B-0266-4B71-AE20-FF928823FD57}" destId="{E5517394-D959-43B0-B5C5-7EB48695E2C4}" srcOrd="0" destOrd="0" presId="urn:microsoft.com/office/officeart/2005/8/layout/hierarchy1"/>
    <dgm:cxn modelId="{162CBABA-6D0C-4543-A1D5-C8657AB8C70A}" type="presParOf" srcId="{F9E8864B-0266-4B71-AE20-FF928823FD57}" destId="{D8BBCCEC-793A-4277-AD06-599860F93258}" srcOrd="1" destOrd="0" presId="urn:microsoft.com/office/officeart/2005/8/layout/hierarchy1"/>
    <dgm:cxn modelId="{6C0F71FB-41B0-4076-A220-D889112590BE}" type="presParOf" srcId="{56059F83-EEDF-4592-9895-E2B4617E7D80}" destId="{1A6630A3-7E00-4906-A0BD-3ABF17FEC00E}" srcOrd="1" destOrd="0" presId="urn:microsoft.com/office/officeart/2005/8/layout/hierarchy1"/>
    <dgm:cxn modelId="{9DBA5CDC-A679-4F17-B49D-5375629A2C4C}" type="presParOf" srcId="{1A6630A3-7E00-4906-A0BD-3ABF17FEC00E}" destId="{EB928631-2B17-47FC-8968-E2AAB4978614}" srcOrd="0" destOrd="0" presId="urn:microsoft.com/office/officeart/2005/8/layout/hierarchy1"/>
    <dgm:cxn modelId="{192CBF61-FBE9-4B37-BB74-FF709B40347E}" type="presParOf" srcId="{1A6630A3-7E00-4906-A0BD-3ABF17FEC00E}" destId="{CD9CA8EB-33F0-44AB-AF20-115C2759A819}" srcOrd="1" destOrd="0" presId="urn:microsoft.com/office/officeart/2005/8/layout/hierarchy1"/>
    <dgm:cxn modelId="{D2128845-BCC4-46F3-8024-CFAE8D220552}" type="presParOf" srcId="{CD9CA8EB-33F0-44AB-AF20-115C2759A819}" destId="{38B9188F-55FB-43FB-9195-EE06A17987AE}" srcOrd="0" destOrd="0" presId="urn:microsoft.com/office/officeart/2005/8/layout/hierarchy1"/>
    <dgm:cxn modelId="{1EA2546E-C834-4C03-8CA7-ED57DF17012F}" type="presParOf" srcId="{38B9188F-55FB-43FB-9195-EE06A17987AE}" destId="{3D56BD52-D03A-4047-AD41-D4D4A6EFB434}" srcOrd="0" destOrd="0" presId="urn:microsoft.com/office/officeart/2005/8/layout/hierarchy1"/>
    <dgm:cxn modelId="{F6298140-99B3-448F-8491-2977EE0E7CD0}" type="presParOf" srcId="{38B9188F-55FB-43FB-9195-EE06A17987AE}" destId="{55FD57AA-D4E2-49CB-894F-A4546A90226D}" srcOrd="1" destOrd="0" presId="urn:microsoft.com/office/officeart/2005/8/layout/hierarchy1"/>
    <dgm:cxn modelId="{C78A27D3-1833-4EE0-A3C7-407C2543D8CD}" type="presParOf" srcId="{CD9CA8EB-33F0-44AB-AF20-115C2759A819}" destId="{B723E493-FC94-4BA6-9B42-EE921A71E7B6}" srcOrd="1" destOrd="0" presId="urn:microsoft.com/office/officeart/2005/8/layout/hierarchy1"/>
    <dgm:cxn modelId="{0C27149C-F19F-40EA-9824-37B852766109}" type="presParOf" srcId="{1A6630A3-7E00-4906-A0BD-3ABF17FEC00E}" destId="{6B5FEBAB-8837-4482-8475-02454E646497}" srcOrd="2" destOrd="0" presId="urn:microsoft.com/office/officeart/2005/8/layout/hierarchy1"/>
    <dgm:cxn modelId="{543D4DD2-F8E0-4E66-B3AB-FFECF68A3C59}" type="presParOf" srcId="{1A6630A3-7E00-4906-A0BD-3ABF17FEC00E}" destId="{6FD540EF-744F-48DA-A8EC-7F073B1CADF4}" srcOrd="3" destOrd="0" presId="urn:microsoft.com/office/officeart/2005/8/layout/hierarchy1"/>
    <dgm:cxn modelId="{88D0C1E1-3541-4709-AC49-7FF1A7A5424C}" type="presParOf" srcId="{6FD540EF-744F-48DA-A8EC-7F073B1CADF4}" destId="{6DDA07EF-6815-4476-90D5-8200789CEEB9}" srcOrd="0" destOrd="0" presId="urn:microsoft.com/office/officeart/2005/8/layout/hierarchy1"/>
    <dgm:cxn modelId="{EDE0BFC7-1217-4431-B66D-5028408E67CA}" type="presParOf" srcId="{6DDA07EF-6815-4476-90D5-8200789CEEB9}" destId="{DCB1E33D-13EC-4E25-974B-BEC1BFAB8C57}" srcOrd="0" destOrd="0" presId="urn:microsoft.com/office/officeart/2005/8/layout/hierarchy1"/>
    <dgm:cxn modelId="{53D31AF9-4535-42AA-8827-E5C75BD8937C}" type="presParOf" srcId="{6DDA07EF-6815-4476-90D5-8200789CEEB9}" destId="{12B6613B-3143-4290-BD1E-F9C795102D53}" srcOrd="1" destOrd="0" presId="urn:microsoft.com/office/officeart/2005/8/layout/hierarchy1"/>
    <dgm:cxn modelId="{394645F1-E8D9-4E54-8FAE-8091B468F57A}" type="presParOf" srcId="{6FD540EF-744F-48DA-A8EC-7F073B1CADF4}" destId="{0C3E7A23-657A-4D4E-8E8E-5F6F07AAE592}" srcOrd="1" destOrd="0" presId="urn:microsoft.com/office/officeart/2005/8/layout/hierarchy1"/>
    <dgm:cxn modelId="{1508F952-D524-4F00-BD2D-8F3BE51225A3}" type="presParOf" srcId="{0C3E7A23-657A-4D4E-8E8E-5F6F07AAE592}" destId="{A5505B47-1C8A-4C07-AF2D-C665D2BAA430}" srcOrd="0" destOrd="0" presId="urn:microsoft.com/office/officeart/2005/8/layout/hierarchy1"/>
    <dgm:cxn modelId="{62649B0B-69B4-4180-A7EC-F091A14E47CF}" type="presParOf" srcId="{0C3E7A23-657A-4D4E-8E8E-5F6F07AAE592}" destId="{AFC5C2A6-033C-4BF7-9AD2-9E7BBCBB5102}" srcOrd="1" destOrd="0" presId="urn:microsoft.com/office/officeart/2005/8/layout/hierarchy1"/>
    <dgm:cxn modelId="{1E70B7CA-37E1-4D16-A582-E28608D38072}" type="presParOf" srcId="{AFC5C2A6-033C-4BF7-9AD2-9E7BBCBB5102}" destId="{9EC784B7-8165-4625-AABB-0F004035F8D4}" srcOrd="0" destOrd="0" presId="urn:microsoft.com/office/officeart/2005/8/layout/hierarchy1"/>
    <dgm:cxn modelId="{4DA4C2E9-1ACD-4703-A3D0-2CC179C7F6FC}" type="presParOf" srcId="{9EC784B7-8165-4625-AABB-0F004035F8D4}" destId="{3EAB1CE4-68D7-4335-A270-8E3EB71A5790}" srcOrd="0" destOrd="0" presId="urn:microsoft.com/office/officeart/2005/8/layout/hierarchy1"/>
    <dgm:cxn modelId="{D3456147-7E36-465E-BE57-88C55D3C6E52}" type="presParOf" srcId="{9EC784B7-8165-4625-AABB-0F004035F8D4}" destId="{3B8B9209-6251-4FFD-B69F-48F18D4CC349}" srcOrd="1" destOrd="0" presId="urn:microsoft.com/office/officeart/2005/8/layout/hierarchy1"/>
    <dgm:cxn modelId="{E1BF57FC-517F-4DB3-AE03-675137BB7DCD}" type="presParOf" srcId="{AFC5C2A6-033C-4BF7-9AD2-9E7BBCBB5102}" destId="{4BBE044D-8067-4A5E-8B4F-6293FDF70F4A}" srcOrd="1" destOrd="0" presId="urn:microsoft.com/office/officeart/2005/8/layout/hierarchy1"/>
    <dgm:cxn modelId="{2CF3FB43-78AE-43A1-8BC2-CAF4298E71BD}" type="presParOf" srcId="{4BBE044D-8067-4A5E-8B4F-6293FDF70F4A}" destId="{64D0538D-E072-4653-B991-7AC462ECA95E}" srcOrd="0" destOrd="0" presId="urn:microsoft.com/office/officeart/2005/8/layout/hierarchy1"/>
    <dgm:cxn modelId="{02D7C862-5D7E-45B7-BD81-EAB9EE0231B9}" type="presParOf" srcId="{4BBE044D-8067-4A5E-8B4F-6293FDF70F4A}" destId="{5B466F0E-7934-4073-8247-B7BC1FB60C1C}" srcOrd="1" destOrd="0" presId="urn:microsoft.com/office/officeart/2005/8/layout/hierarchy1"/>
    <dgm:cxn modelId="{4DEC9129-F5F6-44DE-AD39-491F075C8DE5}" type="presParOf" srcId="{5B466F0E-7934-4073-8247-B7BC1FB60C1C}" destId="{BFE84D15-95E1-46FA-A22C-5830295A92C2}" srcOrd="0" destOrd="0" presId="urn:microsoft.com/office/officeart/2005/8/layout/hierarchy1"/>
    <dgm:cxn modelId="{33C7C5DC-ADF3-4F95-AF9B-86138BA0ED0C}" type="presParOf" srcId="{BFE84D15-95E1-46FA-A22C-5830295A92C2}" destId="{8629E89B-2488-4E84-8D53-9ABAE0E950DB}" srcOrd="0" destOrd="0" presId="urn:microsoft.com/office/officeart/2005/8/layout/hierarchy1"/>
    <dgm:cxn modelId="{4E0FDFD9-58B3-4CBF-8752-941315B05C72}" type="presParOf" srcId="{BFE84D15-95E1-46FA-A22C-5830295A92C2}" destId="{6983FC9C-3F2A-407E-A90F-1A955985B64E}" srcOrd="1" destOrd="0" presId="urn:microsoft.com/office/officeart/2005/8/layout/hierarchy1"/>
    <dgm:cxn modelId="{A445C478-C436-4CE0-BC1D-F779B2D37F4F}" type="presParOf" srcId="{5B466F0E-7934-4073-8247-B7BC1FB60C1C}" destId="{3272FD52-00DE-4F04-91C8-9E071C01C60D}" srcOrd="1" destOrd="0" presId="urn:microsoft.com/office/officeart/2005/8/layout/hierarchy1"/>
    <dgm:cxn modelId="{F1AE0CFF-D0FA-49A4-8147-2773C9B4870B}" type="presParOf" srcId="{0C3E7A23-657A-4D4E-8E8E-5F6F07AAE592}" destId="{B7EAC32E-5B12-4CF8-A403-4ABB602D7616}" srcOrd="2" destOrd="0" presId="urn:microsoft.com/office/officeart/2005/8/layout/hierarchy1"/>
    <dgm:cxn modelId="{6D0B173A-6639-4576-8B57-EADF54DD01B7}" type="presParOf" srcId="{0C3E7A23-657A-4D4E-8E8E-5F6F07AAE592}" destId="{A2061678-C485-4AEC-A219-8485117BDA55}" srcOrd="3" destOrd="0" presId="urn:microsoft.com/office/officeart/2005/8/layout/hierarchy1"/>
    <dgm:cxn modelId="{5CD4611C-1C91-4898-9A1C-707925B347C5}" type="presParOf" srcId="{A2061678-C485-4AEC-A219-8485117BDA55}" destId="{884039EC-1E5A-4B20-BEBE-45BFB018FD63}" srcOrd="0" destOrd="0" presId="urn:microsoft.com/office/officeart/2005/8/layout/hierarchy1"/>
    <dgm:cxn modelId="{02EF121E-4E12-4E49-95FC-14BB4B0BF96D}" type="presParOf" srcId="{884039EC-1E5A-4B20-BEBE-45BFB018FD63}" destId="{1527F68E-B504-4B54-9F83-94EE448F2A71}" srcOrd="0" destOrd="0" presId="urn:microsoft.com/office/officeart/2005/8/layout/hierarchy1"/>
    <dgm:cxn modelId="{492E6970-7364-404B-8D89-5E8F57DB05CF}" type="presParOf" srcId="{884039EC-1E5A-4B20-BEBE-45BFB018FD63}" destId="{5B801A85-6C38-4204-A802-154EC5C79269}" srcOrd="1" destOrd="0" presId="urn:microsoft.com/office/officeart/2005/8/layout/hierarchy1"/>
    <dgm:cxn modelId="{820E53C1-7D62-4A05-949F-CBD1AE718D18}" type="presParOf" srcId="{A2061678-C485-4AEC-A219-8485117BDA55}" destId="{FFCC79C8-D43C-4512-AE9A-59D24C7A459B}" srcOrd="1" destOrd="0" presId="urn:microsoft.com/office/officeart/2005/8/layout/hierarchy1"/>
    <dgm:cxn modelId="{F103485C-332D-4881-B46D-0DDCAFA7C4F9}" type="presParOf" srcId="{1A6630A3-7E00-4906-A0BD-3ABF17FEC00E}" destId="{E14DB863-679E-4258-8402-2159575E641E}" srcOrd="4" destOrd="0" presId="urn:microsoft.com/office/officeart/2005/8/layout/hierarchy1"/>
    <dgm:cxn modelId="{4B546765-0BF7-4C26-AF72-0D68BDD98E32}" type="presParOf" srcId="{1A6630A3-7E00-4906-A0BD-3ABF17FEC00E}" destId="{0812ACE5-CEE1-429F-995D-B9B65DA89E9F}" srcOrd="5" destOrd="0" presId="urn:microsoft.com/office/officeart/2005/8/layout/hierarchy1"/>
    <dgm:cxn modelId="{23DD204C-2FB2-4D57-ABCC-45DAEB6159BF}" type="presParOf" srcId="{0812ACE5-CEE1-429F-995D-B9B65DA89E9F}" destId="{EB5D5F16-AFFD-46F2-A842-4FADEDF83D99}" srcOrd="0" destOrd="0" presId="urn:microsoft.com/office/officeart/2005/8/layout/hierarchy1"/>
    <dgm:cxn modelId="{ADAA834E-0185-4AB2-8964-0DF3D4BACE64}" type="presParOf" srcId="{EB5D5F16-AFFD-46F2-A842-4FADEDF83D99}" destId="{0D430ACC-0A24-4E88-8E41-B626B052AB56}" srcOrd="0" destOrd="0" presId="urn:microsoft.com/office/officeart/2005/8/layout/hierarchy1"/>
    <dgm:cxn modelId="{BF5CF790-9147-4F92-B4DA-1E19A73F7931}" type="presParOf" srcId="{EB5D5F16-AFFD-46F2-A842-4FADEDF83D99}" destId="{154549B9-146B-470F-8DA8-7473A3C06B36}" srcOrd="1" destOrd="0" presId="urn:microsoft.com/office/officeart/2005/8/layout/hierarchy1"/>
    <dgm:cxn modelId="{50098AE0-B6E0-4FBC-BC13-BB9124AF7CD9}" type="presParOf" srcId="{0812ACE5-CEE1-429F-995D-B9B65DA89E9F}" destId="{62ED22C2-0A5E-4540-BB2B-C347CFFB4BD0}" srcOrd="1" destOrd="0" presId="urn:microsoft.com/office/officeart/2005/8/layout/hierarchy1"/>
    <dgm:cxn modelId="{4601124D-0E36-40A5-A83F-68C2A7D0BC3B}" type="presParOf" srcId="{EC468468-BDA1-487F-88FB-B9ABBC5E6DDC}" destId="{13E913A0-B01D-43F1-B1A3-E3D474304F95}" srcOrd="2" destOrd="0" presId="urn:microsoft.com/office/officeart/2005/8/layout/hierarchy1"/>
    <dgm:cxn modelId="{AAF66743-FDCD-4CEB-B839-506692FDAE4C}" type="presParOf" srcId="{EC468468-BDA1-487F-88FB-B9ABBC5E6DDC}" destId="{339373E9-6044-4E5C-B394-68699903D761}" srcOrd="3" destOrd="0" presId="urn:microsoft.com/office/officeart/2005/8/layout/hierarchy1"/>
    <dgm:cxn modelId="{6B5610BD-037A-4794-BFC0-D4FEAA7C8212}" type="presParOf" srcId="{339373E9-6044-4E5C-B394-68699903D761}" destId="{E66E8E9E-A9EE-4EBF-AF12-4E81C04674B7}" srcOrd="0" destOrd="0" presId="urn:microsoft.com/office/officeart/2005/8/layout/hierarchy1"/>
    <dgm:cxn modelId="{C93EF493-51AC-48E6-B9D5-4C755A66FE77}" type="presParOf" srcId="{E66E8E9E-A9EE-4EBF-AF12-4E81C04674B7}" destId="{814D968B-BB58-4009-A740-66AD03AAD2CC}" srcOrd="0" destOrd="0" presId="urn:microsoft.com/office/officeart/2005/8/layout/hierarchy1"/>
    <dgm:cxn modelId="{9D246284-A131-4599-A0EE-B81C8437F67C}" type="presParOf" srcId="{E66E8E9E-A9EE-4EBF-AF12-4E81C04674B7}" destId="{F95FE02B-F52A-4D21-AD4B-153872E225D6}" srcOrd="1" destOrd="0" presId="urn:microsoft.com/office/officeart/2005/8/layout/hierarchy1"/>
    <dgm:cxn modelId="{3B6246B0-E2FC-4C61-8008-CBC1C0FF3B24}" type="presParOf" srcId="{339373E9-6044-4E5C-B394-68699903D761}" destId="{FA39EFEE-422D-4ABA-B7F3-81DFB819FD0D}" srcOrd="1" destOrd="0" presId="urn:microsoft.com/office/officeart/2005/8/layout/hierarchy1"/>
    <dgm:cxn modelId="{FF5C7C63-46C0-43C6-9C33-9311C76D5C29}" type="presParOf" srcId="{FA39EFEE-422D-4ABA-B7F3-81DFB819FD0D}" destId="{BFC7338C-D613-42CE-A3C8-1E1BCE0FEA62}" srcOrd="0" destOrd="0" presId="urn:microsoft.com/office/officeart/2005/8/layout/hierarchy1"/>
    <dgm:cxn modelId="{C97C3E79-162F-445F-B06C-57C7002BD60D}" type="presParOf" srcId="{FA39EFEE-422D-4ABA-B7F3-81DFB819FD0D}" destId="{C7C97D94-D7A0-4A40-85BC-A8BB7FC74897}" srcOrd="1" destOrd="0" presId="urn:microsoft.com/office/officeart/2005/8/layout/hierarchy1"/>
    <dgm:cxn modelId="{A62B7396-324F-4C34-BCE1-48CD91EC9895}" type="presParOf" srcId="{C7C97D94-D7A0-4A40-85BC-A8BB7FC74897}" destId="{2031A2F7-2F71-4B37-86FE-0EE755FCFE64}" srcOrd="0" destOrd="0" presId="urn:microsoft.com/office/officeart/2005/8/layout/hierarchy1"/>
    <dgm:cxn modelId="{D2D98AA1-DD89-4969-8E95-97C7CCCFFAF5}" type="presParOf" srcId="{2031A2F7-2F71-4B37-86FE-0EE755FCFE64}" destId="{BB1DA2C6-9035-47F3-AABE-8B758B6D19F0}" srcOrd="0" destOrd="0" presId="urn:microsoft.com/office/officeart/2005/8/layout/hierarchy1"/>
    <dgm:cxn modelId="{1145BBAB-D64A-4A0F-8494-185C287E31BF}" type="presParOf" srcId="{2031A2F7-2F71-4B37-86FE-0EE755FCFE64}" destId="{9D06AB76-11B4-4CAA-9887-9CEC3100795D}" srcOrd="1" destOrd="0" presId="urn:microsoft.com/office/officeart/2005/8/layout/hierarchy1"/>
    <dgm:cxn modelId="{C501EB03-B923-4CD3-8012-BF98F0BF9599}" type="presParOf" srcId="{C7C97D94-D7A0-4A40-85BC-A8BB7FC74897}" destId="{0FBA9DA4-F179-4E1B-A77C-ED9B91C4EB81}" srcOrd="1" destOrd="0" presId="urn:microsoft.com/office/officeart/2005/8/layout/hierarchy1"/>
    <dgm:cxn modelId="{606F7384-EA28-4F73-A48A-458821448117}" type="presParOf" srcId="{FA39EFEE-422D-4ABA-B7F3-81DFB819FD0D}" destId="{E71D3D05-A41D-4581-93F6-4963BA212C02}" srcOrd="2" destOrd="0" presId="urn:microsoft.com/office/officeart/2005/8/layout/hierarchy1"/>
    <dgm:cxn modelId="{C268E06C-EB94-4EC1-BC92-06EF0490307C}" type="presParOf" srcId="{FA39EFEE-422D-4ABA-B7F3-81DFB819FD0D}" destId="{27E3339F-5AE3-4DCA-BA54-7237F92CC764}" srcOrd="3" destOrd="0" presId="urn:microsoft.com/office/officeart/2005/8/layout/hierarchy1"/>
    <dgm:cxn modelId="{42BF0598-9971-454B-B68C-E13B0A3A0D6A}" type="presParOf" srcId="{27E3339F-5AE3-4DCA-BA54-7237F92CC764}" destId="{9F52A907-06F2-4EF8-979C-72A42B5EAD99}" srcOrd="0" destOrd="0" presId="urn:microsoft.com/office/officeart/2005/8/layout/hierarchy1"/>
    <dgm:cxn modelId="{F3066CB2-80C7-462F-B34E-EF45038B5BAA}" type="presParOf" srcId="{9F52A907-06F2-4EF8-979C-72A42B5EAD99}" destId="{C410A2C1-12AA-4197-9D2B-0529261F107A}" srcOrd="0" destOrd="0" presId="urn:microsoft.com/office/officeart/2005/8/layout/hierarchy1"/>
    <dgm:cxn modelId="{4E4F63C4-A35F-44C1-89DD-374D7EC47512}" type="presParOf" srcId="{9F52A907-06F2-4EF8-979C-72A42B5EAD99}" destId="{CFD81334-87C5-4BAE-8B17-A68BD1AC0BD4}" srcOrd="1" destOrd="0" presId="urn:microsoft.com/office/officeart/2005/8/layout/hierarchy1"/>
    <dgm:cxn modelId="{D0E9AEAC-E68B-4BE4-8FAE-589397545937}" type="presParOf" srcId="{27E3339F-5AE3-4DCA-BA54-7237F92CC764}" destId="{A5150FE9-C062-4E32-8FE0-AEF65E8E8DB1}" srcOrd="1" destOrd="0" presId="urn:microsoft.com/office/officeart/2005/8/layout/hierarchy1"/>
    <dgm:cxn modelId="{3F1BFD2D-79D0-4C08-9206-29E0E73A6E23}" type="presParOf" srcId="{EC468468-BDA1-487F-88FB-B9ABBC5E6DDC}" destId="{63C1F878-72D2-4A3E-8C52-F4A9B1783C33}" srcOrd="4" destOrd="0" presId="urn:microsoft.com/office/officeart/2005/8/layout/hierarchy1"/>
    <dgm:cxn modelId="{CE9E9C22-C8A0-4376-95AC-880ACBA3867B}" type="presParOf" srcId="{EC468468-BDA1-487F-88FB-B9ABBC5E6DDC}" destId="{1E81980F-514B-4025-9970-41BB1CADB2F6}" srcOrd="5" destOrd="0" presId="urn:microsoft.com/office/officeart/2005/8/layout/hierarchy1"/>
    <dgm:cxn modelId="{1864FF7E-0B9B-4F77-B7DA-D099887CC9FC}" type="presParOf" srcId="{1E81980F-514B-4025-9970-41BB1CADB2F6}" destId="{761BEE10-E504-4CCC-A679-C64E921601B3}" srcOrd="0" destOrd="0" presId="urn:microsoft.com/office/officeart/2005/8/layout/hierarchy1"/>
    <dgm:cxn modelId="{03B08881-EFD0-4E49-ABE3-59A24AB8B2C8}" type="presParOf" srcId="{761BEE10-E504-4CCC-A679-C64E921601B3}" destId="{53DA5E8F-87F9-40FC-9678-EFD0486B275A}" srcOrd="0" destOrd="0" presId="urn:microsoft.com/office/officeart/2005/8/layout/hierarchy1"/>
    <dgm:cxn modelId="{EA277A07-C07B-409F-8BEA-A77C82B95A48}" type="presParOf" srcId="{761BEE10-E504-4CCC-A679-C64E921601B3}" destId="{08017F3B-DDE1-42D3-931F-E089B2220CD1}" srcOrd="1" destOrd="0" presId="urn:microsoft.com/office/officeart/2005/8/layout/hierarchy1"/>
    <dgm:cxn modelId="{756AA0D0-173C-4E58-9810-AC4C40268BF3}" type="presParOf" srcId="{1E81980F-514B-4025-9970-41BB1CADB2F6}" destId="{505FF4D1-3B4E-4A8D-9FE0-D5F0BC0CBAFB}" srcOrd="1" destOrd="0" presId="urn:microsoft.com/office/officeart/2005/8/layout/hierarchy1"/>
    <dgm:cxn modelId="{959D53C0-D9BB-4C49-8CEC-842F4BA6A3FA}" type="presParOf" srcId="{505FF4D1-3B4E-4A8D-9FE0-D5F0BC0CBAFB}" destId="{119D0B73-716F-4D2A-AEE4-D492EC9766E1}" srcOrd="0" destOrd="0" presId="urn:microsoft.com/office/officeart/2005/8/layout/hierarchy1"/>
    <dgm:cxn modelId="{B19FEE46-1558-471E-813D-6E494628D5C5}" type="presParOf" srcId="{505FF4D1-3B4E-4A8D-9FE0-D5F0BC0CBAFB}" destId="{46BC6F15-F313-40BB-BD7E-43CBB73FF9F8}" srcOrd="1" destOrd="0" presId="urn:microsoft.com/office/officeart/2005/8/layout/hierarchy1"/>
    <dgm:cxn modelId="{F4F9F528-D133-4145-BA24-4BB67A90AFAB}" type="presParOf" srcId="{46BC6F15-F313-40BB-BD7E-43CBB73FF9F8}" destId="{0CDCB363-A525-437F-8B66-557BC139DCF2}" srcOrd="0" destOrd="0" presId="urn:microsoft.com/office/officeart/2005/8/layout/hierarchy1"/>
    <dgm:cxn modelId="{BC0725C7-9836-41B3-9820-66AB4F05448C}" type="presParOf" srcId="{0CDCB363-A525-437F-8B66-557BC139DCF2}" destId="{C1D5E974-C272-426D-9C3B-33FC0063D5F1}" srcOrd="0" destOrd="0" presId="urn:microsoft.com/office/officeart/2005/8/layout/hierarchy1"/>
    <dgm:cxn modelId="{1CFD3266-21C6-48DF-8566-F37E1A2D5307}" type="presParOf" srcId="{0CDCB363-A525-437F-8B66-557BC139DCF2}" destId="{2890AA37-9CAE-47C1-8091-0E18D98AD0A1}" srcOrd="1" destOrd="0" presId="urn:microsoft.com/office/officeart/2005/8/layout/hierarchy1"/>
    <dgm:cxn modelId="{C5F2CE56-9AC9-419C-8A2E-1F188497ADCF}" type="presParOf" srcId="{46BC6F15-F313-40BB-BD7E-43CBB73FF9F8}" destId="{BD87BC4B-7992-4E45-80F6-5450369E5C47}" srcOrd="1" destOrd="0" presId="urn:microsoft.com/office/officeart/2005/8/layout/hierarchy1"/>
    <dgm:cxn modelId="{819B193A-DD81-413D-AEF1-2773EAE73C25}" type="presParOf" srcId="{505FF4D1-3B4E-4A8D-9FE0-D5F0BC0CBAFB}" destId="{86886F70-53AC-4A1D-B166-B252409AE4D6}" srcOrd="2" destOrd="0" presId="urn:microsoft.com/office/officeart/2005/8/layout/hierarchy1"/>
    <dgm:cxn modelId="{98C10F78-FDB2-437A-B7BF-7BC1997DA771}" type="presParOf" srcId="{505FF4D1-3B4E-4A8D-9FE0-D5F0BC0CBAFB}" destId="{655DDC92-92EE-41CD-B10F-5D5A0D584C78}" srcOrd="3" destOrd="0" presId="urn:microsoft.com/office/officeart/2005/8/layout/hierarchy1"/>
    <dgm:cxn modelId="{925CD151-4673-4AF6-A188-7277A8F786D3}" type="presParOf" srcId="{655DDC92-92EE-41CD-B10F-5D5A0D584C78}" destId="{77CC0852-CC1D-4E4D-8572-4C03ABBFFC1B}" srcOrd="0" destOrd="0" presId="urn:microsoft.com/office/officeart/2005/8/layout/hierarchy1"/>
    <dgm:cxn modelId="{E29267E6-8E29-4613-AC4A-2D1E22DFEC27}" type="presParOf" srcId="{77CC0852-CC1D-4E4D-8572-4C03ABBFFC1B}" destId="{50D474EC-98DC-4737-BC55-92D95CD2A76F}" srcOrd="0" destOrd="0" presId="urn:microsoft.com/office/officeart/2005/8/layout/hierarchy1"/>
    <dgm:cxn modelId="{EE51E76C-AAAB-4480-9102-F31B7B974E4F}" type="presParOf" srcId="{77CC0852-CC1D-4E4D-8572-4C03ABBFFC1B}" destId="{28F275B9-56B8-41B6-B830-2E9E5E01E9CB}" srcOrd="1" destOrd="0" presId="urn:microsoft.com/office/officeart/2005/8/layout/hierarchy1"/>
    <dgm:cxn modelId="{5EA8C73E-214A-4522-AB75-26C5F9547C7C}" type="presParOf" srcId="{655DDC92-92EE-41CD-B10F-5D5A0D584C78}" destId="{479EEF34-32FF-44F2-B9DF-858C6F9E4A7F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60348C9-23B2-4F93-ADD0-EBF9342834C8}" type="doc">
      <dgm:prSet loTypeId="urn:microsoft.com/office/officeart/2005/8/layout/lProcess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BEE9D91-EB3E-490C-89F1-65B20C594E1E}">
      <dgm:prSet phldrT="[Text]"/>
      <dgm:spPr/>
      <dgm:t>
        <a:bodyPr/>
        <a:lstStyle/>
        <a:p>
          <a:r>
            <a:rPr lang="en-US" dirty="0" smtClean="0"/>
            <a:t>East Coast</a:t>
          </a:r>
          <a:endParaRPr lang="en-US" dirty="0"/>
        </a:p>
      </dgm:t>
    </dgm:pt>
    <dgm:pt modelId="{14CC34EF-7DD0-4718-A6B0-DC95B8929BD5}" type="parTrans" cxnId="{F76E11F7-B3F9-4510-8FAD-EAB1B0382FA4}">
      <dgm:prSet/>
      <dgm:spPr/>
      <dgm:t>
        <a:bodyPr/>
        <a:lstStyle/>
        <a:p>
          <a:endParaRPr lang="en-US"/>
        </a:p>
      </dgm:t>
    </dgm:pt>
    <dgm:pt modelId="{DF7D3DD6-08D3-481C-B3BA-6A5555DBA92C}" type="sibTrans" cxnId="{F76E11F7-B3F9-4510-8FAD-EAB1B0382FA4}">
      <dgm:prSet/>
      <dgm:spPr/>
      <dgm:t>
        <a:bodyPr/>
        <a:lstStyle/>
        <a:p>
          <a:endParaRPr lang="en-US"/>
        </a:p>
      </dgm:t>
    </dgm:pt>
    <dgm:pt modelId="{D3A4920D-22F0-4DF9-BDC2-3BE335B41E16}">
      <dgm:prSet phldrT="[Text]"/>
      <dgm:spPr/>
      <dgm:t>
        <a:bodyPr/>
        <a:lstStyle/>
        <a:p>
          <a:r>
            <a:rPr lang="en-US" b="1" dirty="0" smtClean="0"/>
            <a:t>Philadelphia, PA</a:t>
          </a:r>
        </a:p>
        <a:p>
          <a:r>
            <a:rPr lang="en-US" b="1" dirty="0" smtClean="0"/>
            <a:t>Arlington, VA</a:t>
          </a:r>
        </a:p>
        <a:p>
          <a:endParaRPr lang="en-US" b="1" dirty="0"/>
        </a:p>
      </dgm:t>
    </dgm:pt>
    <dgm:pt modelId="{A4EFD7B7-FCB0-4665-8E53-430DB78D1580}" type="parTrans" cxnId="{99EDD02E-7021-473E-B6FE-2FDA3AC363CD}">
      <dgm:prSet/>
      <dgm:spPr/>
      <dgm:t>
        <a:bodyPr/>
        <a:lstStyle/>
        <a:p>
          <a:endParaRPr lang="en-US"/>
        </a:p>
      </dgm:t>
    </dgm:pt>
    <dgm:pt modelId="{1D981B95-2113-4F44-90D8-BB8BE5B49817}" type="sibTrans" cxnId="{99EDD02E-7021-473E-B6FE-2FDA3AC363CD}">
      <dgm:prSet/>
      <dgm:spPr/>
      <dgm:t>
        <a:bodyPr/>
        <a:lstStyle/>
        <a:p>
          <a:endParaRPr lang="en-US"/>
        </a:p>
      </dgm:t>
    </dgm:pt>
    <dgm:pt modelId="{53E0566B-B4E9-4F58-84A8-ECC0E3BBFB62}">
      <dgm:prSet phldrT="[Text]"/>
      <dgm:spPr/>
      <dgm:t>
        <a:bodyPr/>
        <a:lstStyle/>
        <a:p>
          <a:r>
            <a:rPr lang="en-US" dirty="0" smtClean="0"/>
            <a:t>Midwest</a:t>
          </a:r>
          <a:endParaRPr lang="en-US" dirty="0"/>
        </a:p>
      </dgm:t>
    </dgm:pt>
    <dgm:pt modelId="{909163F2-2C72-4FF4-A34B-B201E156B337}" type="parTrans" cxnId="{B6E8A5D8-31D4-4617-9758-667593B415CC}">
      <dgm:prSet/>
      <dgm:spPr/>
      <dgm:t>
        <a:bodyPr/>
        <a:lstStyle/>
        <a:p>
          <a:endParaRPr lang="en-US"/>
        </a:p>
      </dgm:t>
    </dgm:pt>
    <dgm:pt modelId="{6D2F9A5A-F239-4C12-AD0C-E18A7DA395EA}" type="sibTrans" cxnId="{B6E8A5D8-31D4-4617-9758-667593B415CC}">
      <dgm:prSet/>
      <dgm:spPr/>
      <dgm:t>
        <a:bodyPr/>
        <a:lstStyle/>
        <a:p>
          <a:endParaRPr lang="en-US"/>
        </a:p>
      </dgm:t>
    </dgm:pt>
    <dgm:pt modelId="{F9DD2F28-C129-41D0-B3A3-F34A4DF0797C}">
      <dgm:prSet phldrT="[Text]"/>
      <dgm:spPr/>
      <dgm:t>
        <a:bodyPr/>
        <a:lstStyle/>
        <a:p>
          <a:r>
            <a:rPr lang="en-US" b="1" dirty="0" smtClean="0"/>
            <a:t>Cincinnati, OH</a:t>
          </a:r>
        </a:p>
        <a:p>
          <a:r>
            <a:rPr lang="en-US" b="1" dirty="0" smtClean="0"/>
            <a:t>Detroit, MI</a:t>
          </a:r>
        </a:p>
        <a:p>
          <a:r>
            <a:rPr lang="en-US" b="1" dirty="0" smtClean="0"/>
            <a:t>Columbus, OH</a:t>
          </a:r>
        </a:p>
        <a:p>
          <a:r>
            <a:rPr lang="en-US" b="1" dirty="0" smtClean="0"/>
            <a:t>Milwaukee, WI</a:t>
          </a:r>
          <a:br>
            <a:rPr lang="en-US" b="1" dirty="0" smtClean="0"/>
          </a:br>
          <a:r>
            <a:rPr lang="en-US" b="1" dirty="0" smtClean="0"/>
            <a:t>Chicago, IL</a:t>
          </a:r>
        </a:p>
        <a:p>
          <a:r>
            <a:rPr lang="en-US" b="1" dirty="0" smtClean="0"/>
            <a:t>Dallas, TX</a:t>
          </a:r>
        </a:p>
        <a:p>
          <a:r>
            <a:rPr lang="en-US" b="1" dirty="0" smtClean="0"/>
            <a:t>Houston, TX</a:t>
          </a:r>
        </a:p>
        <a:p>
          <a:r>
            <a:rPr lang="en-US" b="1" dirty="0" smtClean="0"/>
            <a:t>Tucson, AZ</a:t>
          </a:r>
        </a:p>
      </dgm:t>
    </dgm:pt>
    <dgm:pt modelId="{9C67CF54-D7C7-494B-ACC0-A0547D4EB297}" type="parTrans" cxnId="{B848CD9D-204D-4BAB-9F00-08BA407111AA}">
      <dgm:prSet/>
      <dgm:spPr/>
      <dgm:t>
        <a:bodyPr/>
        <a:lstStyle/>
        <a:p>
          <a:endParaRPr lang="en-US"/>
        </a:p>
      </dgm:t>
    </dgm:pt>
    <dgm:pt modelId="{C68295C7-C324-4F89-A777-C8A42CE0F74F}" type="sibTrans" cxnId="{B848CD9D-204D-4BAB-9F00-08BA407111AA}">
      <dgm:prSet/>
      <dgm:spPr/>
      <dgm:t>
        <a:bodyPr/>
        <a:lstStyle/>
        <a:p>
          <a:endParaRPr lang="en-US"/>
        </a:p>
      </dgm:t>
    </dgm:pt>
    <dgm:pt modelId="{D7FB9D9B-47EF-4A8F-A170-DFCAD6F82B89}">
      <dgm:prSet phldrT="[Text]"/>
      <dgm:spPr/>
      <dgm:t>
        <a:bodyPr/>
        <a:lstStyle/>
        <a:p>
          <a:r>
            <a:rPr lang="en-US" dirty="0" smtClean="0"/>
            <a:t>West</a:t>
          </a:r>
          <a:endParaRPr lang="en-US" dirty="0"/>
        </a:p>
      </dgm:t>
    </dgm:pt>
    <dgm:pt modelId="{B9902285-4126-431B-85EF-1C752E666EA3}" type="parTrans" cxnId="{E5CC09A7-3D9A-4C79-BDB8-8D60FADEB1F5}">
      <dgm:prSet/>
      <dgm:spPr/>
      <dgm:t>
        <a:bodyPr/>
        <a:lstStyle/>
        <a:p>
          <a:endParaRPr lang="en-US"/>
        </a:p>
      </dgm:t>
    </dgm:pt>
    <dgm:pt modelId="{A912FECE-1998-4E50-BEC3-D3E10F6AFBE6}" type="sibTrans" cxnId="{E5CC09A7-3D9A-4C79-BDB8-8D60FADEB1F5}">
      <dgm:prSet/>
      <dgm:spPr/>
      <dgm:t>
        <a:bodyPr/>
        <a:lstStyle/>
        <a:p>
          <a:endParaRPr lang="en-US"/>
        </a:p>
      </dgm:t>
    </dgm:pt>
    <dgm:pt modelId="{F7E39509-04E4-427B-9141-1CC9FAAC14EF}">
      <dgm:prSet phldrT="[Text]"/>
      <dgm:spPr/>
      <dgm:t>
        <a:bodyPr/>
        <a:lstStyle/>
        <a:p>
          <a:r>
            <a:rPr lang="en-US" b="1" dirty="0" smtClean="0"/>
            <a:t>Albuquerque, </a:t>
          </a:r>
          <a:r>
            <a:rPr lang="en-US" b="1" dirty="0" smtClean="0"/>
            <a:t>NM</a:t>
          </a:r>
        </a:p>
        <a:p>
          <a:r>
            <a:rPr lang="en-US" b="1" dirty="0" smtClean="0"/>
            <a:t>Los Angeles, CA</a:t>
          </a:r>
        </a:p>
        <a:p>
          <a:r>
            <a:rPr lang="en-US" b="1" dirty="0" smtClean="0"/>
            <a:t>San Francisco, CA</a:t>
          </a:r>
        </a:p>
        <a:p>
          <a:r>
            <a:rPr lang="en-US" b="1" dirty="0" smtClean="0"/>
            <a:t>Denver, CO</a:t>
          </a:r>
        </a:p>
        <a:p>
          <a:r>
            <a:rPr lang="en-US" b="1" dirty="0" smtClean="0"/>
            <a:t>Las Vegas, NV</a:t>
          </a:r>
          <a:endParaRPr lang="en-US" b="1" dirty="0"/>
        </a:p>
      </dgm:t>
    </dgm:pt>
    <dgm:pt modelId="{3D098256-1E41-4C0E-942A-A157997316CF}" type="parTrans" cxnId="{90FEE485-B29B-4777-9684-1DEDB1A4F102}">
      <dgm:prSet/>
      <dgm:spPr/>
      <dgm:t>
        <a:bodyPr/>
        <a:lstStyle/>
        <a:p>
          <a:endParaRPr lang="en-US"/>
        </a:p>
      </dgm:t>
    </dgm:pt>
    <dgm:pt modelId="{753A6B31-80AA-4A34-98D2-1F9710D5A6B7}" type="sibTrans" cxnId="{90FEE485-B29B-4777-9684-1DEDB1A4F102}">
      <dgm:prSet/>
      <dgm:spPr/>
      <dgm:t>
        <a:bodyPr/>
        <a:lstStyle/>
        <a:p>
          <a:endParaRPr lang="en-US"/>
        </a:p>
      </dgm:t>
    </dgm:pt>
    <dgm:pt modelId="{D43176A0-8C6E-4F3E-99EF-7485885668B3}" type="pres">
      <dgm:prSet presAssocID="{E60348C9-23B2-4F93-ADD0-EBF9342834C8}" presName="theList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1FC4273C-FD9D-44AA-BB54-5535F4B98003}" type="pres">
      <dgm:prSet presAssocID="{1BEE9D91-EB3E-490C-89F1-65B20C594E1E}" presName="compNode" presStyleCnt="0"/>
      <dgm:spPr/>
      <dgm:t>
        <a:bodyPr/>
        <a:lstStyle/>
        <a:p>
          <a:endParaRPr lang="en-US"/>
        </a:p>
      </dgm:t>
    </dgm:pt>
    <dgm:pt modelId="{3DFC4EBF-4C9E-4157-9DF4-BB5E784C47D7}" type="pres">
      <dgm:prSet presAssocID="{1BEE9D91-EB3E-490C-89F1-65B20C594E1E}" presName="aNode" presStyleLbl="bgShp" presStyleIdx="0" presStyleCnt="3"/>
      <dgm:spPr/>
      <dgm:t>
        <a:bodyPr/>
        <a:lstStyle/>
        <a:p>
          <a:endParaRPr lang="en-US"/>
        </a:p>
      </dgm:t>
    </dgm:pt>
    <dgm:pt modelId="{31572B4F-74FD-46F9-B6AB-92246BB2F3EB}" type="pres">
      <dgm:prSet presAssocID="{1BEE9D91-EB3E-490C-89F1-65B20C594E1E}" presName="textNode" presStyleLbl="bgShp" presStyleIdx="0" presStyleCnt="3"/>
      <dgm:spPr/>
      <dgm:t>
        <a:bodyPr/>
        <a:lstStyle/>
        <a:p>
          <a:endParaRPr lang="en-US"/>
        </a:p>
      </dgm:t>
    </dgm:pt>
    <dgm:pt modelId="{DF061257-9D07-4740-AE3E-A64207CAC282}" type="pres">
      <dgm:prSet presAssocID="{1BEE9D91-EB3E-490C-89F1-65B20C594E1E}" presName="compChildNode" presStyleCnt="0"/>
      <dgm:spPr/>
      <dgm:t>
        <a:bodyPr/>
        <a:lstStyle/>
        <a:p>
          <a:endParaRPr lang="en-US"/>
        </a:p>
      </dgm:t>
    </dgm:pt>
    <dgm:pt modelId="{2D80DC02-04B6-4ED2-8210-62653C7CDE84}" type="pres">
      <dgm:prSet presAssocID="{1BEE9D91-EB3E-490C-89F1-65B20C594E1E}" presName="theInnerList" presStyleCnt="0"/>
      <dgm:spPr/>
      <dgm:t>
        <a:bodyPr/>
        <a:lstStyle/>
        <a:p>
          <a:endParaRPr lang="en-US"/>
        </a:p>
      </dgm:t>
    </dgm:pt>
    <dgm:pt modelId="{E428CD33-FA68-46B3-9F64-5AE50B0A48A7}" type="pres">
      <dgm:prSet presAssocID="{D3A4920D-22F0-4DF9-BDC2-3BE335B41E16}" presName="child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B328EA7-3939-4E52-91CC-7E20AE103ADA}" type="pres">
      <dgm:prSet presAssocID="{1BEE9D91-EB3E-490C-89F1-65B20C594E1E}" presName="aSpace" presStyleCnt="0"/>
      <dgm:spPr/>
      <dgm:t>
        <a:bodyPr/>
        <a:lstStyle/>
        <a:p>
          <a:endParaRPr lang="en-US"/>
        </a:p>
      </dgm:t>
    </dgm:pt>
    <dgm:pt modelId="{AF679AB8-EDEF-4F62-8F55-67CCE876D4BC}" type="pres">
      <dgm:prSet presAssocID="{53E0566B-B4E9-4F58-84A8-ECC0E3BBFB62}" presName="compNode" presStyleCnt="0"/>
      <dgm:spPr/>
      <dgm:t>
        <a:bodyPr/>
        <a:lstStyle/>
        <a:p>
          <a:endParaRPr lang="en-US"/>
        </a:p>
      </dgm:t>
    </dgm:pt>
    <dgm:pt modelId="{87088F45-863D-4158-B60A-599EE4F1EF62}" type="pres">
      <dgm:prSet presAssocID="{53E0566B-B4E9-4F58-84A8-ECC0E3BBFB62}" presName="aNode" presStyleLbl="bgShp" presStyleIdx="1" presStyleCnt="3"/>
      <dgm:spPr/>
      <dgm:t>
        <a:bodyPr/>
        <a:lstStyle/>
        <a:p>
          <a:endParaRPr lang="en-US"/>
        </a:p>
      </dgm:t>
    </dgm:pt>
    <dgm:pt modelId="{5C059E5F-9ECF-4BF9-B882-2FEC1A2C35BC}" type="pres">
      <dgm:prSet presAssocID="{53E0566B-B4E9-4F58-84A8-ECC0E3BBFB62}" presName="textNode" presStyleLbl="bgShp" presStyleIdx="1" presStyleCnt="3"/>
      <dgm:spPr/>
      <dgm:t>
        <a:bodyPr/>
        <a:lstStyle/>
        <a:p>
          <a:endParaRPr lang="en-US"/>
        </a:p>
      </dgm:t>
    </dgm:pt>
    <dgm:pt modelId="{C095F9FB-36EC-49E7-A1B3-F854855F2FEE}" type="pres">
      <dgm:prSet presAssocID="{53E0566B-B4E9-4F58-84A8-ECC0E3BBFB62}" presName="compChildNode" presStyleCnt="0"/>
      <dgm:spPr/>
      <dgm:t>
        <a:bodyPr/>
        <a:lstStyle/>
        <a:p>
          <a:endParaRPr lang="en-US"/>
        </a:p>
      </dgm:t>
    </dgm:pt>
    <dgm:pt modelId="{B3126D69-8E44-49E4-9D30-507FEEDDC561}" type="pres">
      <dgm:prSet presAssocID="{53E0566B-B4E9-4F58-84A8-ECC0E3BBFB62}" presName="theInnerList" presStyleCnt="0"/>
      <dgm:spPr/>
      <dgm:t>
        <a:bodyPr/>
        <a:lstStyle/>
        <a:p>
          <a:endParaRPr lang="en-US"/>
        </a:p>
      </dgm:t>
    </dgm:pt>
    <dgm:pt modelId="{8C4F88DF-20F8-4745-9426-66C191DC6822}" type="pres">
      <dgm:prSet presAssocID="{F9DD2F28-C129-41D0-B3A3-F34A4DF0797C}" presName="child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FA3C60A-21AA-43C4-86A5-B38FD9D55C04}" type="pres">
      <dgm:prSet presAssocID="{53E0566B-B4E9-4F58-84A8-ECC0E3BBFB62}" presName="aSpace" presStyleCnt="0"/>
      <dgm:spPr/>
      <dgm:t>
        <a:bodyPr/>
        <a:lstStyle/>
        <a:p>
          <a:endParaRPr lang="en-US"/>
        </a:p>
      </dgm:t>
    </dgm:pt>
    <dgm:pt modelId="{C052E66A-0249-45BF-9045-874F5280C98A}" type="pres">
      <dgm:prSet presAssocID="{D7FB9D9B-47EF-4A8F-A170-DFCAD6F82B89}" presName="compNode" presStyleCnt="0"/>
      <dgm:spPr/>
      <dgm:t>
        <a:bodyPr/>
        <a:lstStyle/>
        <a:p>
          <a:endParaRPr lang="en-US"/>
        </a:p>
      </dgm:t>
    </dgm:pt>
    <dgm:pt modelId="{01697534-9E0B-4C91-9DC0-60B2075B11C5}" type="pres">
      <dgm:prSet presAssocID="{D7FB9D9B-47EF-4A8F-A170-DFCAD6F82B89}" presName="aNode" presStyleLbl="bgShp" presStyleIdx="2" presStyleCnt="3"/>
      <dgm:spPr/>
      <dgm:t>
        <a:bodyPr/>
        <a:lstStyle/>
        <a:p>
          <a:endParaRPr lang="en-US"/>
        </a:p>
      </dgm:t>
    </dgm:pt>
    <dgm:pt modelId="{F87BC457-E26C-4EA4-B710-F45996C6974F}" type="pres">
      <dgm:prSet presAssocID="{D7FB9D9B-47EF-4A8F-A170-DFCAD6F82B89}" presName="textNode" presStyleLbl="bgShp" presStyleIdx="2" presStyleCnt="3"/>
      <dgm:spPr/>
      <dgm:t>
        <a:bodyPr/>
        <a:lstStyle/>
        <a:p>
          <a:endParaRPr lang="en-US"/>
        </a:p>
      </dgm:t>
    </dgm:pt>
    <dgm:pt modelId="{A18B9721-B3A2-41B8-93F6-95A79CAE35E8}" type="pres">
      <dgm:prSet presAssocID="{D7FB9D9B-47EF-4A8F-A170-DFCAD6F82B89}" presName="compChildNode" presStyleCnt="0"/>
      <dgm:spPr/>
      <dgm:t>
        <a:bodyPr/>
        <a:lstStyle/>
        <a:p>
          <a:endParaRPr lang="en-US"/>
        </a:p>
      </dgm:t>
    </dgm:pt>
    <dgm:pt modelId="{1C3BFE94-DAD7-4D9B-9794-FC1DBF487B27}" type="pres">
      <dgm:prSet presAssocID="{D7FB9D9B-47EF-4A8F-A170-DFCAD6F82B89}" presName="theInnerList" presStyleCnt="0"/>
      <dgm:spPr/>
      <dgm:t>
        <a:bodyPr/>
        <a:lstStyle/>
        <a:p>
          <a:endParaRPr lang="en-US"/>
        </a:p>
      </dgm:t>
    </dgm:pt>
    <dgm:pt modelId="{7A040E14-948D-4559-992F-42A395A9AB74}" type="pres">
      <dgm:prSet presAssocID="{F7E39509-04E4-427B-9141-1CC9FAAC14EF}" presName="child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B189D227-4089-4545-8A3E-AE0ECA5963B3}" type="presOf" srcId="{53E0566B-B4E9-4F58-84A8-ECC0E3BBFB62}" destId="{5C059E5F-9ECF-4BF9-B882-2FEC1A2C35BC}" srcOrd="1" destOrd="0" presId="urn:microsoft.com/office/officeart/2005/8/layout/lProcess2"/>
    <dgm:cxn modelId="{A851DF66-9CB3-4A5D-A12A-63B1B046899D}" type="presOf" srcId="{F9DD2F28-C129-41D0-B3A3-F34A4DF0797C}" destId="{8C4F88DF-20F8-4745-9426-66C191DC6822}" srcOrd="0" destOrd="0" presId="urn:microsoft.com/office/officeart/2005/8/layout/lProcess2"/>
    <dgm:cxn modelId="{B5A8689D-9E9E-4675-BCC5-EBC47B08EECC}" type="presOf" srcId="{53E0566B-B4E9-4F58-84A8-ECC0E3BBFB62}" destId="{87088F45-863D-4158-B60A-599EE4F1EF62}" srcOrd="0" destOrd="0" presId="urn:microsoft.com/office/officeart/2005/8/layout/lProcess2"/>
    <dgm:cxn modelId="{F76E11F7-B3F9-4510-8FAD-EAB1B0382FA4}" srcId="{E60348C9-23B2-4F93-ADD0-EBF9342834C8}" destId="{1BEE9D91-EB3E-490C-89F1-65B20C594E1E}" srcOrd="0" destOrd="0" parTransId="{14CC34EF-7DD0-4718-A6B0-DC95B8929BD5}" sibTransId="{DF7D3DD6-08D3-481C-B3BA-6A5555DBA92C}"/>
    <dgm:cxn modelId="{3C14631E-756D-4F74-BB44-F0C01E94406C}" type="presOf" srcId="{1BEE9D91-EB3E-490C-89F1-65B20C594E1E}" destId="{3DFC4EBF-4C9E-4157-9DF4-BB5E784C47D7}" srcOrd="0" destOrd="0" presId="urn:microsoft.com/office/officeart/2005/8/layout/lProcess2"/>
    <dgm:cxn modelId="{90B766DD-A9A9-4062-854D-C24C5745CB20}" type="presOf" srcId="{F7E39509-04E4-427B-9141-1CC9FAAC14EF}" destId="{7A040E14-948D-4559-992F-42A395A9AB74}" srcOrd="0" destOrd="0" presId="urn:microsoft.com/office/officeart/2005/8/layout/lProcess2"/>
    <dgm:cxn modelId="{90FEE485-B29B-4777-9684-1DEDB1A4F102}" srcId="{D7FB9D9B-47EF-4A8F-A170-DFCAD6F82B89}" destId="{F7E39509-04E4-427B-9141-1CC9FAAC14EF}" srcOrd="0" destOrd="0" parTransId="{3D098256-1E41-4C0E-942A-A157997316CF}" sibTransId="{753A6B31-80AA-4A34-98D2-1F9710D5A6B7}"/>
    <dgm:cxn modelId="{339BF082-A224-47C6-BE44-7CFCFC5BB3B9}" type="presOf" srcId="{D3A4920D-22F0-4DF9-BDC2-3BE335B41E16}" destId="{E428CD33-FA68-46B3-9F64-5AE50B0A48A7}" srcOrd="0" destOrd="0" presId="urn:microsoft.com/office/officeart/2005/8/layout/lProcess2"/>
    <dgm:cxn modelId="{B6E8A5D8-31D4-4617-9758-667593B415CC}" srcId="{E60348C9-23B2-4F93-ADD0-EBF9342834C8}" destId="{53E0566B-B4E9-4F58-84A8-ECC0E3BBFB62}" srcOrd="1" destOrd="0" parTransId="{909163F2-2C72-4FF4-A34B-B201E156B337}" sibTransId="{6D2F9A5A-F239-4C12-AD0C-E18A7DA395EA}"/>
    <dgm:cxn modelId="{E5CC09A7-3D9A-4C79-BDB8-8D60FADEB1F5}" srcId="{E60348C9-23B2-4F93-ADD0-EBF9342834C8}" destId="{D7FB9D9B-47EF-4A8F-A170-DFCAD6F82B89}" srcOrd="2" destOrd="0" parTransId="{B9902285-4126-431B-85EF-1C752E666EA3}" sibTransId="{A912FECE-1998-4E50-BEC3-D3E10F6AFBE6}"/>
    <dgm:cxn modelId="{73DE1186-5376-4DF2-A124-55D519047F5F}" type="presOf" srcId="{D7FB9D9B-47EF-4A8F-A170-DFCAD6F82B89}" destId="{01697534-9E0B-4C91-9DC0-60B2075B11C5}" srcOrd="0" destOrd="0" presId="urn:microsoft.com/office/officeart/2005/8/layout/lProcess2"/>
    <dgm:cxn modelId="{99EDD02E-7021-473E-B6FE-2FDA3AC363CD}" srcId="{1BEE9D91-EB3E-490C-89F1-65B20C594E1E}" destId="{D3A4920D-22F0-4DF9-BDC2-3BE335B41E16}" srcOrd="0" destOrd="0" parTransId="{A4EFD7B7-FCB0-4665-8E53-430DB78D1580}" sibTransId="{1D981B95-2113-4F44-90D8-BB8BE5B49817}"/>
    <dgm:cxn modelId="{B848CD9D-204D-4BAB-9F00-08BA407111AA}" srcId="{53E0566B-B4E9-4F58-84A8-ECC0E3BBFB62}" destId="{F9DD2F28-C129-41D0-B3A3-F34A4DF0797C}" srcOrd="0" destOrd="0" parTransId="{9C67CF54-D7C7-494B-ACC0-A0547D4EB297}" sibTransId="{C68295C7-C324-4F89-A777-C8A42CE0F74F}"/>
    <dgm:cxn modelId="{D87BF466-C7C5-40E1-A593-3E77F86158D2}" type="presOf" srcId="{D7FB9D9B-47EF-4A8F-A170-DFCAD6F82B89}" destId="{F87BC457-E26C-4EA4-B710-F45996C6974F}" srcOrd="1" destOrd="0" presId="urn:microsoft.com/office/officeart/2005/8/layout/lProcess2"/>
    <dgm:cxn modelId="{196A8496-1B1F-458C-B9CA-2F8CB2C618D0}" type="presOf" srcId="{1BEE9D91-EB3E-490C-89F1-65B20C594E1E}" destId="{31572B4F-74FD-46F9-B6AB-92246BB2F3EB}" srcOrd="1" destOrd="0" presId="urn:microsoft.com/office/officeart/2005/8/layout/lProcess2"/>
    <dgm:cxn modelId="{4D95F1C9-232A-48AE-8F4B-FCF6E79FEA2A}" type="presOf" srcId="{E60348C9-23B2-4F93-ADD0-EBF9342834C8}" destId="{D43176A0-8C6E-4F3E-99EF-7485885668B3}" srcOrd="0" destOrd="0" presId="urn:microsoft.com/office/officeart/2005/8/layout/lProcess2"/>
    <dgm:cxn modelId="{FAC91690-D667-4D1F-BFDE-8FC67860986D}" type="presParOf" srcId="{D43176A0-8C6E-4F3E-99EF-7485885668B3}" destId="{1FC4273C-FD9D-44AA-BB54-5535F4B98003}" srcOrd="0" destOrd="0" presId="urn:microsoft.com/office/officeart/2005/8/layout/lProcess2"/>
    <dgm:cxn modelId="{232E0CCB-5F81-4A45-A983-685385774825}" type="presParOf" srcId="{1FC4273C-FD9D-44AA-BB54-5535F4B98003}" destId="{3DFC4EBF-4C9E-4157-9DF4-BB5E784C47D7}" srcOrd="0" destOrd="0" presId="urn:microsoft.com/office/officeart/2005/8/layout/lProcess2"/>
    <dgm:cxn modelId="{F57B51DC-B190-4633-BCAF-A3E53200A2E1}" type="presParOf" srcId="{1FC4273C-FD9D-44AA-BB54-5535F4B98003}" destId="{31572B4F-74FD-46F9-B6AB-92246BB2F3EB}" srcOrd="1" destOrd="0" presId="urn:microsoft.com/office/officeart/2005/8/layout/lProcess2"/>
    <dgm:cxn modelId="{CC89721D-06A1-437A-95E9-F1EBC128D165}" type="presParOf" srcId="{1FC4273C-FD9D-44AA-BB54-5535F4B98003}" destId="{DF061257-9D07-4740-AE3E-A64207CAC282}" srcOrd="2" destOrd="0" presId="urn:microsoft.com/office/officeart/2005/8/layout/lProcess2"/>
    <dgm:cxn modelId="{5193F43A-D789-4EA8-9C5E-AC169B3FBAEF}" type="presParOf" srcId="{DF061257-9D07-4740-AE3E-A64207CAC282}" destId="{2D80DC02-04B6-4ED2-8210-62653C7CDE84}" srcOrd="0" destOrd="0" presId="urn:microsoft.com/office/officeart/2005/8/layout/lProcess2"/>
    <dgm:cxn modelId="{85F21AA0-182A-4B16-8EA9-AC60F1CE1128}" type="presParOf" srcId="{2D80DC02-04B6-4ED2-8210-62653C7CDE84}" destId="{E428CD33-FA68-46B3-9F64-5AE50B0A48A7}" srcOrd="0" destOrd="0" presId="urn:microsoft.com/office/officeart/2005/8/layout/lProcess2"/>
    <dgm:cxn modelId="{37AD5594-BF25-42FF-ACC7-D96892BB5E13}" type="presParOf" srcId="{D43176A0-8C6E-4F3E-99EF-7485885668B3}" destId="{2B328EA7-3939-4E52-91CC-7E20AE103ADA}" srcOrd="1" destOrd="0" presId="urn:microsoft.com/office/officeart/2005/8/layout/lProcess2"/>
    <dgm:cxn modelId="{79030147-8D4F-456A-8733-CC88398F77F3}" type="presParOf" srcId="{D43176A0-8C6E-4F3E-99EF-7485885668B3}" destId="{AF679AB8-EDEF-4F62-8F55-67CCE876D4BC}" srcOrd="2" destOrd="0" presId="urn:microsoft.com/office/officeart/2005/8/layout/lProcess2"/>
    <dgm:cxn modelId="{44318B40-58B7-421B-8BE0-508B1E3B6F2A}" type="presParOf" srcId="{AF679AB8-EDEF-4F62-8F55-67CCE876D4BC}" destId="{87088F45-863D-4158-B60A-599EE4F1EF62}" srcOrd="0" destOrd="0" presId="urn:microsoft.com/office/officeart/2005/8/layout/lProcess2"/>
    <dgm:cxn modelId="{525CDAB5-5D1E-4A8A-A58C-A8AF65F417D7}" type="presParOf" srcId="{AF679AB8-EDEF-4F62-8F55-67CCE876D4BC}" destId="{5C059E5F-9ECF-4BF9-B882-2FEC1A2C35BC}" srcOrd="1" destOrd="0" presId="urn:microsoft.com/office/officeart/2005/8/layout/lProcess2"/>
    <dgm:cxn modelId="{93547BEA-DAA0-4D5F-91E6-8270D15319B0}" type="presParOf" srcId="{AF679AB8-EDEF-4F62-8F55-67CCE876D4BC}" destId="{C095F9FB-36EC-49E7-A1B3-F854855F2FEE}" srcOrd="2" destOrd="0" presId="urn:microsoft.com/office/officeart/2005/8/layout/lProcess2"/>
    <dgm:cxn modelId="{6922E7E5-086A-4E6C-A4E9-BE8A886CF8DA}" type="presParOf" srcId="{C095F9FB-36EC-49E7-A1B3-F854855F2FEE}" destId="{B3126D69-8E44-49E4-9D30-507FEEDDC561}" srcOrd="0" destOrd="0" presId="urn:microsoft.com/office/officeart/2005/8/layout/lProcess2"/>
    <dgm:cxn modelId="{04B122EE-622F-4271-BB3E-B75959CA5127}" type="presParOf" srcId="{B3126D69-8E44-49E4-9D30-507FEEDDC561}" destId="{8C4F88DF-20F8-4745-9426-66C191DC6822}" srcOrd="0" destOrd="0" presId="urn:microsoft.com/office/officeart/2005/8/layout/lProcess2"/>
    <dgm:cxn modelId="{CA407D7C-E535-41CF-8C13-040AB001ABC1}" type="presParOf" srcId="{D43176A0-8C6E-4F3E-99EF-7485885668B3}" destId="{6FA3C60A-21AA-43C4-86A5-B38FD9D55C04}" srcOrd="3" destOrd="0" presId="urn:microsoft.com/office/officeart/2005/8/layout/lProcess2"/>
    <dgm:cxn modelId="{6E7C2DBE-0D0A-47A3-86C2-664D65E55776}" type="presParOf" srcId="{D43176A0-8C6E-4F3E-99EF-7485885668B3}" destId="{C052E66A-0249-45BF-9045-874F5280C98A}" srcOrd="4" destOrd="0" presId="urn:microsoft.com/office/officeart/2005/8/layout/lProcess2"/>
    <dgm:cxn modelId="{5B6BD999-3C6F-4316-8B6B-47E1DB6CB648}" type="presParOf" srcId="{C052E66A-0249-45BF-9045-874F5280C98A}" destId="{01697534-9E0B-4C91-9DC0-60B2075B11C5}" srcOrd="0" destOrd="0" presId="urn:microsoft.com/office/officeart/2005/8/layout/lProcess2"/>
    <dgm:cxn modelId="{C4A8B7A6-E13A-46BC-920B-DA5FD3ABF3C3}" type="presParOf" srcId="{C052E66A-0249-45BF-9045-874F5280C98A}" destId="{F87BC457-E26C-4EA4-B710-F45996C6974F}" srcOrd="1" destOrd="0" presId="urn:microsoft.com/office/officeart/2005/8/layout/lProcess2"/>
    <dgm:cxn modelId="{CFCB0EA5-81FC-4360-9E0C-6C05BE3CC351}" type="presParOf" srcId="{C052E66A-0249-45BF-9045-874F5280C98A}" destId="{A18B9721-B3A2-41B8-93F6-95A79CAE35E8}" srcOrd="2" destOrd="0" presId="urn:microsoft.com/office/officeart/2005/8/layout/lProcess2"/>
    <dgm:cxn modelId="{39BBF188-8718-4042-9AEC-906EB5B980F9}" type="presParOf" srcId="{A18B9721-B3A2-41B8-93F6-95A79CAE35E8}" destId="{1C3BFE94-DAD7-4D9B-9794-FC1DBF487B27}" srcOrd="0" destOrd="0" presId="urn:microsoft.com/office/officeart/2005/8/layout/lProcess2"/>
    <dgm:cxn modelId="{FD90DDBD-C836-432F-B0F1-BB61390F4C58}" type="presParOf" srcId="{1C3BFE94-DAD7-4D9B-9794-FC1DBF487B27}" destId="{7A040E14-948D-4559-992F-42A395A9AB74}" srcOrd="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8502359-E29E-4A2D-ACAC-4DCAC351BAD4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1AE76108-91FB-44D8-8A89-B8E208F7E5CA}">
      <dgm:prSet phldrT="[Text]"/>
      <dgm:spPr/>
      <dgm:t>
        <a:bodyPr/>
        <a:lstStyle/>
        <a:p>
          <a:pPr algn="ctr"/>
          <a:r>
            <a:rPr lang="en-US" dirty="0" err="1" smtClean="0"/>
            <a:t>Roney</a:t>
          </a:r>
          <a:r>
            <a:rPr lang="en-US" dirty="0" smtClean="0"/>
            <a:t> </a:t>
          </a:r>
          <a:r>
            <a:rPr lang="en-US" dirty="0" err="1" smtClean="0"/>
            <a:t>Whonshevins</a:t>
          </a:r>
          <a:r>
            <a:rPr lang="en-US" dirty="0" smtClean="0"/>
            <a:t> Project Lead</a:t>
          </a:r>
          <a:endParaRPr lang="en-US" dirty="0"/>
        </a:p>
      </dgm:t>
    </dgm:pt>
    <dgm:pt modelId="{FB6FE0FF-6322-4547-93AB-8311BC623C08}" type="par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0D0D4CAD-4648-4F86-96D2-249E348C9951}" type="sibTrans" cxnId="{14EE8AC3-0110-4526-90CC-06B68394D9E2}">
      <dgm:prSet/>
      <dgm:spPr/>
      <dgm:t>
        <a:bodyPr/>
        <a:lstStyle/>
        <a:p>
          <a:pPr algn="ctr"/>
          <a:endParaRPr lang="en-US"/>
        </a:p>
      </dgm:t>
    </dgm:pt>
    <dgm:pt modelId="{292949A4-AA05-4E18-B3F5-1798B9517995}">
      <dgm:prSet phldrT="[Text]"/>
      <dgm:spPr/>
      <dgm:t>
        <a:bodyPr/>
        <a:lstStyle/>
        <a:p>
          <a:pPr algn="ctr"/>
          <a:r>
            <a:rPr lang="en-US" dirty="0" smtClean="0"/>
            <a:t>Jacob Wagner Software Developer</a:t>
          </a:r>
          <a:endParaRPr lang="en-US" dirty="0"/>
        </a:p>
      </dgm:t>
    </dgm:pt>
    <dgm:pt modelId="{480A263B-CD14-423A-A0E1-102EAB428708}" type="par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95DB1844-9FB2-42CD-B947-48E4C21612F4}" type="sibTrans" cxnId="{96B205B4-5F7B-470F-9F70-6B6E2AA23B87}">
      <dgm:prSet/>
      <dgm:spPr/>
      <dgm:t>
        <a:bodyPr/>
        <a:lstStyle/>
        <a:p>
          <a:pPr algn="ctr"/>
          <a:endParaRPr lang="en-US"/>
        </a:p>
      </dgm:t>
    </dgm:pt>
    <dgm:pt modelId="{28A0B37A-BED0-495D-9DE0-5C3EB254BD9C}">
      <dgm:prSet phldrT="[Text]"/>
      <dgm:spPr/>
      <dgm:t>
        <a:bodyPr/>
        <a:lstStyle/>
        <a:p>
          <a:pPr algn="ctr"/>
          <a:r>
            <a:rPr lang="en-US" dirty="0" smtClean="0"/>
            <a:t>Adan </a:t>
          </a:r>
          <a:r>
            <a:rPr lang="en-US" dirty="0" err="1" smtClean="0"/>
            <a:t>Maxamed</a:t>
          </a:r>
          <a:r>
            <a:rPr lang="en-US" dirty="0" smtClean="0"/>
            <a:t> Software Developer</a:t>
          </a:r>
          <a:endParaRPr lang="en-US" dirty="0"/>
        </a:p>
      </dgm:t>
    </dgm:pt>
    <dgm:pt modelId="{A9367425-E34E-4C76-9930-ADFAEE130305}" type="par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E517DD1E-2D47-4B97-AEE7-47F17CA57721}" type="sibTrans" cxnId="{8AB5A839-2EFC-4189-B42A-B729FAF8A55B}">
      <dgm:prSet/>
      <dgm:spPr/>
      <dgm:t>
        <a:bodyPr/>
        <a:lstStyle/>
        <a:p>
          <a:pPr algn="ctr"/>
          <a:endParaRPr lang="en-US"/>
        </a:p>
      </dgm:t>
    </dgm:pt>
    <dgm:pt modelId="{0ACBA0E5-BBCD-43D7-A3BC-FC0CF9D01C8A}">
      <dgm:prSet phldrT="[Text]"/>
      <dgm:spPr/>
      <dgm:t>
        <a:bodyPr/>
        <a:lstStyle/>
        <a:p>
          <a:pPr algn="ctr"/>
          <a:r>
            <a:rPr lang="en-US" dirty="0" smtClean="0"/>
            <a:t>James Leahy Web Developer</a:t>
          </a:r>
          <a:endParaRPr lang="en-US" dirty="0"/>
        </a:p>
      </dgm:t>
    </dgm:pt>
    <dgm:pt modelId="{C6B0EF2E-D0FA-4A1B-8E00-868CCDF8158E}" type="par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D230325B-7A0E-4212-8386-DF558C1F2B2A}" type="sibTrans" cxnId="{6581C4F9-789D-48A7-9428-0E021B2DC4A2}">
      <dgm:prSet/>
      <dgm:spPr/>
      <dgm:t>
        <a:bodyPr/>
        <a:lstStyle/>
        <a:p>
          <a:pPr algn="ctr"/>
          <a:endParaRPr lang="en-US"/>
        </a:p>
      </dgm:t>
    </dgm:pt>
    <dgm:pt modelId="{5FDCA85D-1C67-44A6-9071-13A348508795}">
      <dgm:prSet phldrT="[Text]"/>
      <dgm:spPr/>
      <dgm:t>
        <a:bodyPr/>
        <a:lstStyle/>
        <a:p>
          <a:pPr algn="ctr"/>
          <a:r>
            <a:rPr lang="en-US" dirty="0" smtClean="0"/>
            <a:t>Guy </a:t>
          </a:r>
          <a:r>
            <a:rPr lang="en-US" dirty="0" err="1" smtClean="0"/>
            <a:t>Banaga</a:t>
          </a:r>
          <a:r>
            <a:rPr lang="en-US" dirty="0" smtClean="0"/>
            <a:t> Network Engineer</a:t>
          </a:r>
          <a:endParaRPr lang="en-US" dirty="0"/>
        </a:p>
      </dgm:t>
    </dgm:pt>
    <dgm:pt modelId="{03FDE31C-AA0C-4FFD-88F3-B8C60C7688B2}" type="par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FE1A6629-9F0A-4947-827E-686E8B12F027}" type="sibTrans" cxnId="{271D1B83-8B39-409B-9021-75223A00D6D6}">
      <dgm:prSet/>
      <dgm:spPr/>
      <dgm:t>
        <a:bodyPr/>
        <a:lstStyle/>
        <a:p>
          <a:pPr algn="ctr"/>
          <a:endParaRPr lang="en-US"/>
        </a:p>
      </dgm:t>
    </dgm:pt>
    <dgm:pt modelId="{DE0E1A6D-842C-4DA7-8886-D7DC31B420C4}">
      <dgm:prSet phldrT="[Text]"/>
      <dgm:spPr/>
      <dgm:t>
        <a:bodyPr/>
        <a:lstStyle/>
        <a:p>
          <a:pPr algn="ctr"/>
          <a:r>
            <a:rPr lang="en-US" dirty="0" smtClean="0"/>
            <a:t>Andrew Butts Network Engineer</a:t>
          </a:r>
          <a:endParaRPr lang="en-US" dirty="0"/>
        </a:p>
      </dgm:t>
    </dgm:pt>
    <dgm:pt modelId="{E32B743A-4D9B-46EC-B467-37C95D82D444}" type="par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B656D638-80B5-4630-BEA9-55EEC9492EA2}" type="sibTrans" cxnId="{F502E469-9A29-4E3C-8D18-D6A1F767C24F}">
      <dgm:prSet/>
      <dgm:spPr/>
      <dgm:t>
        <a:bodyPr/>
        <a:lstStyle/>
        <a:p>
          <a:pPr algn="ctr"/>
          <a:endParaRPr lang="en-US"/>
        </a:p>
      </dgm:t>
    </dgm:pt>
    <dgm:pt modelId="{24932D62-51B8-4D71-A5FA-4BD57552139C}" type="pres">
      <dgm:prSet presAssocID="{78502359-E29E-4A2D-ACAC-4DCAC351BAD4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63487077-536E-4911-8464-54721A48DE05}" type="pres">
      <dgm:prSet presAssocID="{1AE76108-91FB-44D8-8A89-B8E208F7E5CA}" presName="hierRoot1" presStyleCnt="0">
        <dgm:presLayoutVars>
          <dgm:hierBranch val="init"/>
        </dgm:presLayoutVars>
      </dgm:prSet>
      <dgm:spPr/>
    </dgm:pt>
    <dgm:pt modelId="{342D541C-5030-4F91-A070-844941CA9444}" type="pres">
      <dgm:prSet presAssocID="{1AE76108-91FB-44D8-8A89-B8E208F7E5CA}" presName="rootComposite1" presStyleCnt="0"/>
      <dgm:spPr/>
    </dgm:pt>
    <dgm:pt modelId="{B4F9536A-212F-4EE6-8E36-1F7330E5587D}" type="pres">
      <dgm:prSet presAssocID="{1AE76108-91FB-44D8-8A89-B8E208F7E5CA}" presName="rootText1" presStyleLbl="node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B4EA89FA-F4C3-4343-B0EA-03CE8E80571B}" type="pres">
      <dgm:prSet presAssocID="{1AE76108-91FB-44D8-8A89-B8E208F7E5CA}" presName="rootConnector1" presStyleLbl="node1" presStyleIdx="0" presStyleCnt="0"/>
      <dgm:spPr/>
      <dgm:t>
        <a:bodyPr/>
        <a:lstStyle/>
        <a:p>
          <a:endParaRPr lang="en-US"/>
        </a:p>
      </dgm:t>
    </dgm:pt>
    <dgm:pt modelId="{D1F0577B-7768-4685-A52C-86010901C5D7}" type="pres">
      <dgm:prSet presAssocID="{1AE76108-91FB-44D8-8A89-B8E208F7E5CA}" presName="hierChild2" presStyleCnt="0"/>
      <dgm:spPr/>
    </dgm:pt>
    <dgm:pt modelId="{ED86A04F-8E18-4C09-847D-FF6943170D74}" type="pres">
      <dgm:prSet presAssocID="{480A263B-CD14-423A-A0E1-102EAB428708}" presName="Name37" presStyleLbl="parChTrans1D2" presStyleIdx="0" presStyleCnt="5"/>
      <dgm:spPr/>
      <dgm:t>
        <a:bodyPr/>
        <a:lstStyle/>
        <a:p>
          <a:endParaRPr lang="en-US"/>
        </a:p>
      </dgm:t>
    </dgm:pt>
    <dgm:pt modelId="{EFB687C1-0A36-4EE0-869B-BE082DC4B4F5}" type="pres">
      <dgm:prSet presAssocID="{292949A4-AA05-4E18-B3F5-1798B9517995}" presName="hierRoot2" presStyleCnt="0">
        <dgm:presLayoutVars>
          <dgm:hierBranch val="init"/>
        </dgm:presLayoutVars>
      </dgm:prSet>
      <dgm:spPr/>
    </dgm:pt>
    <dgm:pt modelId="{B3B2FC3E-37B1-4887-B44A-51C1D04E725F}" type="pres">
      <dgm:prSet presAssocID="{292949A4-AA05-4E18-B3F5-1798B9517995}" presName="rootComposite" presStyleCnt="0"/>
      <dgm:spPr/>
    </dgm:pt>
    <dgm:pt modelId="{7174A553-29A2-4360-80CF-40A80BE1E5E1}" type="pres">
      <dgm:prSet presAssocID="{292949A4-AA05-4E18-B3F5-1798B9517995}" presName="rootText" presStyleLbl="node2" presStyleIdx="0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D164376A-6279-4F34-8FAC-9C7E5143D544}" type="pres">
      <dgm:prSet presAssocID="{292949A4-AA05-4E18-B3F5-1798B9517995}" presName="rootConnector" presStyleLbl="node2" presStyleIdx="0" presStyleCnt="5"/>
      <dgm:spPr/>
      <dgm:t>
        <a:bodyPr/>
        <a:lstStyle/>
        <a:p>
          <a:endParaRPr lang="en-US"/>
        </a:p>
      </dgm:t>
    </dgm:pt>
    <dgm:pt modelId="{8C825E58-14E8-483E-9F7B-AA1792C01D88}" type="pres">
      <dgm:prSet presAssocID="{292949A4-AA05-4E18-B3F5-1798B9517995}" presName="hierChild4" presStyleCnt="0"/>
      <dgm:spPr/>
    </dgm:pt>
    <dgm:pt modelId="{DE7C342C-0614-40D9-A99C-12D7AD9BC715}" type="pres">
      <dgm:prSet presAssocID="{292949A4-AA05-4E18-B3F5-1798B9517995}" presName="hierChild5" presStyleCnt="0"/>
      <dgm:spPr/>
    </dgm:pt>
    <dgm:pt modelId="{49F27310-186D-41EB-B0D9-B311379F2447}" type="pres">
      <dgm:prSet presAssocID="{A9367425-E34E-4C76-9930-ADFAEE130305}" presName="Name37" presStyleLbl="parChTrans1D2" presStyleIdx="1" presStyleCnt="5"/>
      <dgm:spPr/>
      <dgm:t>
        <a:bodyPr/>
        <a:lstStyle/>
        <a:p>
          <a:endParaRPr lang="en-US"/>
        </a:p>
      </dgm:t>
    </dgm:pt>
    <dgm:pt modelId="{DD37C9DD-498D-4BBC-B3E4-1EA4D5759522}" type="pres">
      <dgm:prSet presAssocID="{28A0B37A-BED0-495D-9DE0-5C3EB254BD9C}" presName="hierRoot2" presStyleCnt="0">
        <dgm:presLayoutVars>
          <dgm:hierBranch val="init"/>
        </dgm:presLayoutVars>
      </dgm:prSet>
      <dgm:spPr/>
    </dgm:pt>
    <dgm:pt modelId="{5D52FA1C-A3E5-4CA3-8F7A-23BAFF63DCA7}" type="pres">
      <dgm:prSet presAssocID="{28A0B37A-BED0-495D-9DE0-5C3EB254BD9C}" presName="rootComposite" presStyleCnt="0"/>
      <dgm:spPr/>
    </dgm:pt>
    <dgm:pt modelId="{08335018-97AA-460E-A117-81DBA3DD3BA6}" type="pres">
      <dgm:prSet presAssocID="{28A0B37A-BED0-495D-9DE0-5C3EB254BD9C}" presName="rootText" presStyleLbl="node2" presStyleIdx="1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65D0D12C-4679-4F26-9710-FD8E514589D1}" type="pres">
      <dgm:prSet presAssocID="{28A0B37A-BED0-495D-9DE0-5C3EB254BD9C}" presName="rootConnector" presStyleLbl="node2" presStyleIdx="1" presStyleCnt="5"/>
      <dgm:spPr/>
      <dgm:t>
        <a:bodyPr/>
        <a:lstStyle/>
        <a:p>
          <a:endParaRPr lang="en-US"/>
        </a:p>
      </dgm:t>
    </dgm:pt>
    <dgm:pt modelId="{8EB97B11-FBCA-4B4E-B19F-53DF3AFDD2F3}" type="pres">
      <dgm:prSet presAssocID="{28A0B37A-BED0-495D-9DE0-5C3EB254BD9C}" presName="hierChild4" presStyleCnt="0"/>
      <dgm:spPr/>
    </dgm:pt>
    <dgm:pt modelId="{02C81350-F8A1-4EAC-834A-37E8A0F9D7A0}" type="pres">
      <dgm:prSet presAssocID="{28A0B37A-BED0-495D-9DE0-5C3EB254BD9C}" presName="hierChild5" presStyleCnt="0"/>
      <dgm:spPr/>
    </dgm:pt>
    <dgm:pt modelId="{86CB14CF-3AAB-49BF-A348-8C10128F63F4}" type="pres">
      <dgm:prSet presAssocID="{C6B0EF2E-D0FA-4A1B-8E00-868CCDF8158E}" presName="Name37" presStyleLbl="parChTrans1D2" presStyleIdx="2" presStyleCnt="5"/>
      <dgm:spPr/>
      <dgm:t>
        <a:bodyPr/>
        <a:lstStyle/>
        <a:p>
          <a:endParaRPr lang="en-US"/>
        </a:p>
      </dgm:t>
    </dgm:pt>
    <dgm:pt modelId="{77371579-F80B-48CD-B835-644D974105F2}" type="pres">
      <dgm:prSet presAssocID="{0ACBA0E5-BBCD-43D7-A3BC-FC0CF9D01C8A}" presName="hierRoot2" presStyleCnt="0">
        <dgm:presLayoutVars>
          <dgm:hierBranch val="init"/>
        </dgm:presLayoutVars>
      </dgm:prSet>
      <dgm:spPr/>
    </dgm:pt>
    <dgm:pt modelId="{C6C8DF18-AFF5-41C5-91D5-986B3912F98F}" type="pres">
      <dgm:prSet presAssocID="{0ACBA0E5-BBCD-43D7-A3BC-FC0CF9D01C8A}" presName="rootComposite" presStyleCnt="0"/>
      <dgm:spPr/>
    </dgm:pt>
    <dgm:pt modelId="{57DA3771-BFCF-450F-AC08-0C13953670E4}" type="pres">
      <dgm:prSet presAssocID="{0ACBA0E5-BBCD-43D7-A3BC-FC0CF9D01C8A}" presName="rootText" presStyleLbl="node2" presStyleIdx="2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A66423F-FACA-4DAE-89C7-B644512E5F7D}" type="pres">
      <dgm:prSet presAssocID="{0ACBA0E5-BBCD-43D7-A3BC-FC0CF9D01C8A}" presName="rootConnector" presStyleLbl="node2" presStyleIdx="2" presStyleCnt="5"/>
      <dgm:spPr/>
      <dgm:t>
        <a:bodyPr/>
        <a:lstStyle/>
        <a:p>
          <a:endParaRPr lang="en-US"/>
        </a:p>
      </dgm:t>
    </dgm:pt>
    <dgm:pt modelId="{A60090D2-BA88-4DA7-A0B0-A2449D16B861}" type="pres">
      <dgm:prSet presAssocID="{0ACBA0E5-BBCD-43D7-A3BC-FC0CF9D01C8A}" presName="hierChild4" presStyleCnt="0"/>
      <dgm:spPr/>
    </dgm:pt>
    <dgm:pt modelId="{1058A9B4-2819-474F-9B1E-FCE066EC39C9}" type="pres">
      <dgm:prSet presAssocID="{0ACBA0E5-BBCD-43D7-A3BC-FC0CF9D01C8A}" presName="hierChild5" presStyleCnt="0"/>
      <dgm:spPr/>
    </dgm:pt>
    <dgm:pt modelId="{8E0B701E-731A-4119-97E9-BE8C6970B14F}" type="pres">
      <dgm:prSet presAssocID="{03FDE31C-AA0C-4FFD-88F3-B8C60C7688B2}" presName="Name37" presStyleLbl="parChTrans1D2" presStyleIdx="3" presStyleCnt="5"/>
      <dgm:spPr/>
      <dgm:t>
        <a:bodyPr/>
        <a:lstStyle/>
        <a:p>
          <a:endParaRPr lang="en-US"/>
        </a:p>
      </dgm:t>
    </dgm:pt>
    <dgm:pt modelId="{874468E2-0EC1-4B30-BFBA-2E7D789367BD}" type="pres">
      <dgm:prSet presAssocID="{5FDCA85D-1C67-44A6-9071-13A348508795}" presName="hierRoot2" presStyleCnt="0">
        <dgm:presLayoutVars>
          <dgm:hierBranch val="init"/>
        </dgm:presLayoutVars>
      </dgm:prSet>
      <dgm:spPr/>
    </dgm:pt>
    <dgm:pt modelId="{EBD67921-28BF-4E49-9555-F1C1BBCF3162}" type="pres">
      <dgm:prSet presAssocID="{5FDCA85D-1C67-44A6-9071-13A348508795}" presName="rootComposite" presStyleCnt="0"/>
      <dgm:spPr/>
    </dgm:pt>
    <dgm:pt modelId="{95F76DE9-F993-4C08-8EB9-2BBE7C2B73FA}" type="pres">
      <dgm:prSet presAssocID="{5FDCA85D-1C67-44A6-9071-13A348508795}" presName="rootText" presStyleLbl="node2" presStyleIdx="3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A76F18EF-98B9-479F-AD3D-B0E4FFB0B47A}" type="pres">
      <dgm:prSet presAssocID="{5FDCA85D-1C67-44A6-9071-13A348508795}" presName="rootConnector" presStyleLbl="node2" presStyleIdx="3" presStyleCnt="5"/>
      <dgm:spPr/>
      <dgm:t>
        <a:bodyPr/>
        <a:lstStyle/>
        <a:p>
          <a:endParaRPr lang="en-US"/>
        </a:p>
      </dgm:t>
    </dgm:pt>
    <dgm:pt modelId="{D5C426A1-EAF3-4CC8-9D70-F9EBFDECC12B}" type="pres">
      <dgm:prSet presAssocID="{5FDCA85D-1C67-44A6-9071-13A348508795}" presName="hierChild4" presStyleCnt="0"/>
      <dgm:spPr/>
    </dgm:pt>
    <dgm:pt modelId="{FAC07446-5EA7-473F-8A6A-3F435781B06F}" type="pres">
      <dgm:prSet presAssocID="{5FDCA85D-1C67-44A6-9071-13A348508795}" presName="hierChild5" presStyleCnt="0"/>
      <dgm:spPr/>
    </dgm:pt>
    <dgm:pt modelId="{7E46C12F-3E25-4D17-99C8-FB705B0F3657}" type="pres">
      <dgm:prSet presAssocID="{E32B743A-4D9B-46EC-B467-37C95D82D444}" presName="Name37" presStyleLbl="parChTrans1D2" presStyleIdx="4" presStyleCnt="5"/>
      <dgm:spPr/>
      <dgm:t>
        <a:bodyPr/>
        <a:lstStyle/>
        <a:p>
          <a:endParaRPr lang="en-US"/>
        </a:p>
      </dgm:t>
    </dgm:pt>
    <dgm:pt modelId="{771C4E75-88C8-49EF-B8A4-B3BD6AD3E37D}" type="pres">
      <dgm:prSet presAssocID="{DE0E1A6D-842C-4DA7-8886-D7DC31B420C4}" presName="hierRoot2" presStyleCnt="0">
        <dgm:presLayoutVars>
          <dgm:hierBranch val="init"/>
        </dgm:presLayoutVars>
      </dgm:prSet>
      <dgm:spPr/>
    </dgm:pt>
    <dgm:pt modelId="{AD47438A-AF57-4FE5-873B-462AF393E2CD}" type="pres">
      <dgm:prSet presAssocID="{DE0E1A6D-842C-4DA7-8886-D7DC31B420C4}" presName="rootComposite" presStyleCnt="0"/>
      <dgm:spPr/>
    </dgm:pt>
    <dgm:pt modelId="{931BDEED-7C24-44A9-8AA6-DFC70DC799DC}" type="pres">
      <dgm:prSet presAssocID="{DE0E1A6D-842C-4DA7-8886-D7DC31B420C4}" presName="rootText" presStyleLbl="node2" presStyleIdx="4" presStyleCnt="5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8D51D276-271D-4015-8578-EBD555336B3D}" type="pres">
      <dgm:prSet presAssocID="{DE0E1A6D-842C-4DA7-8886-D7DC31B420C4}" presName="rootConnector" presStyleLbl="node2" presStyleIdx="4" presStyleCnt="5"/>
      <dgm:spPr/>
      <dgm:t>
        <a:bodyPr/>
        <a:lstStyle/>
        <a:p>
          <a:endParaRPr lang="en-US"/>
        </a:p>
      </dgm:t>
    </dgm:pt>
    <dgm:pt modelId="{20E5082B-3C39-41EC-8783-72298E3631D8}" type="pres">
      <dgm:prSet presAssocID="{DE0E1A6D-842C-4DA7-8886-D7DC31B420C4}" presName="hierChild4" presStyleCnt="0"/>
      <dgm:spPr/>
    </dgm:pt>
    <dgm:pt modelId="{C0CCEAD5-F37E-4C94-B710-03A6AEE51212}" type="pres">
      <dgm:prSet presAssocID="{DE0E1A6D-842C-4DA7-8886-D7DC31B420C4}" presName="hierChild5" presStyleCnt="0"/>
      <dgm:spPr/>
    </dgm:pt>
    <dgm:pt modelId="{53425F9F-A766-4F4F-BE7E-8967A57E25F5}" type="pres">
      <dgm:prSet presAssocID="{1AE76108-91FB-44D8-8A89-B8E208F7E5CA}" presName="hierChild3" presStyleCnt="0"/>
      <dgm:spPr/>
    </dgm:pt>
  </dgm:ptLst>
  <dgm:cxnLst>
    <dgm:cxn modelId="{08528B25-F477-499A-B7A1-3D4C439E51BE}" type="presOf" srcId="{1AE76108-91FB-44D8-8A89-B8E208F7E5CA}" destId="{B4EA89FA-F4C3-4343-B0EA-03CE8E80571B}" srcOrd="1" destOrd="0" presId="urn:microsoft.com/office/officeart/2005/8/layout/orgChart1"/>
    <dgm:cxn modelId="{250B8A25-A68C-4C8A-BAA5-91D390F62BDB}" type="presOf" srcId="{292949A4-AA05-4E18-B3F5-1798B9517995}" destId="{D164376A-6279-4F34-8FAC-9C7E5143D544}" srcOrd="1" destOrd="0" presId="urn:microsoft.com/office/officeart/2005/8/layout/orgChart1"/>
    <dgm:cxn modelId="{331FE800-7BAE-4BEE-B2D8-31AB42E64E9A}" type="presOf" srcId="{28A0B37A-BED0-495D-9DE0-5C3EB254BD9C}" destId="{65D0D12C-4679-4F26-9710-FD8E514589D1}" srcOrd="1" destOrd="0" presId="urn:microsoft.com/office/officeart/2005/8/layout/orgChart1"/>
    <dgm:cxn modelId="{819537DD-39E1-4430-ACBA-313D2BD251E0}" type="presOf" srcId="{292949A4-AA05-4E18-B3F5-1798B9517995}" destId="{7174A553-29A2-4360-80CF-40A80BE1E5E1}" srcOrd="0" destOrd="0" presId="urn:microsoft.com/office/officeart/2005/8/layout/orgChart1"/>
    <dgm:cxn modelId="{8AB5A839-2EFC-4189-B42A-B729FAF8A55B}" srcId="{1AE76108-91FB-44D8-8A89-B8E208F7E5CA}" destId="{28A0B37A-BED0-495D-9DE0-5C3EB254BD9C}" srcOrd="1" destOrd="0" parTransId="{A9367425-E34E-4C76-9930-ADFAEE130305}" sibTransId="{E517DD1E-2D47-4B97-AEE7-47F17CA57721}"/>
    <dgm:cxn modelId="{6B7443A3-7906-413B-B46A-5468A62A760B}" type="presOf" srcId="{A9367425-E34E-4C76-9930-ADFAEE130305}" destId="{49F27310-186D-41EB-B0D9-B311379F2447}" srcOrd="0" destOrd="0" presId="urn:microsoft.com/office/officeart/2005/8/layout/orgChart1"/>
    <dgm:cxn modelId="{F502E469-9A29-4E3C-8D18-D6A1F767C24F}" srcId="{1AE76108-91FB-44D8-8A89-B8E208F7E5CA}" destId="{DE0E1A6D-842C-4DA7-8886-D7DC31B420C4}" srcOrd="4" destOrd="0" parTransId="{E32B743A-4D9B-46EC-B467-37C95D82D444}" sibTransId="{B656D638-80B5-4630-BEA9-55EEC9492EA2}"/>
    <dgm:cxn modelId="{45EB3202-E758-4876-A524-8B7522A4DBAC}" type="presOf" srcId="{0ACBA0E5-BBCD-43D7-A3BC-FC0CF9D01C8A}" destId="{FA66423F-FACA-4DAE-89C7-B644512E5F7D}" srcOrd="1" destOrd="0" presId="urn:microsoft.com/office/officeart/2005/8/layout/orgChart1"/>
    <dgm:cxn modelId="{083CFD9E-34CF-4E94-BC47-BB471E26BFE0}" type="presOf" srcId="{03FDE31C-AA0C-4FFD-88F3-B8C60C7688B2}" destId="{8E0B701E-731A-4119-97E9-BE8C6970B14F}" srcOrd="0" destOrd="0" presId="urn:microsoft.com/office/officeart/2005/8/layout/orgChart1"/>
    <dgm:cxn modelId="{CFDD2EB4-1D5D-4E22-AB89-96C481D603E6}" type="presOf" srcId="{0ACBA0E5-BBCD-43D7-A3BC-FC0CF9D01C8A}" destId="{57DA3771-BFCF-450F-AC08-0C13953670E4}" srcOrd="0" destOrd="0" presId="urn:microsoft.com/office/officeart/2005/8/layout/orgChart1"/>
    <dgm:cxn modelId="{A0622F33-1038-4473-9915-6BEF9413A926}" type="presOf" srcId="{1AE76108-91FB-44D8-8A89-B8E208F7E5CA}" destId="{B4F9536A-212F-4EE6-8E36-1F7330E5587D}" srcOrd="0" destOrd="0" presId="urn:microsoft.com/office/officeart/2005/8/layout/orgChart1"/>
    <dgm:cxn modelId="{AA1E1AB2-FA3C-4DEC-9EE5-59C7962FDEC5}" type="presOf" srcId="{5FDCA85D-1C67-44A6-9071-13A348508795}" destId="{95F76DE9-F993-4C08-8EB9-2BBE7C2B73FA}" srcOrd="0" destOrd="0" presId="urn:microsoft.com/office/officeart/2005/8/layout/orgChart1"/>
    <dgm:cxn modelId="{688502E8-190E-41D3-A3BC-0ADF04BCED93}" type="presOf" srcId="{DE0E1A6D-842C-4DA7-8886-D7DC31B420C4}" destId="{8D51D276-271D-4015-8578-EBD555336B3D}" srcOrd="1" destOrd="0" presId="urn:microsoft.com/office/officeart/2005/8/layout/orgChart1"/>
    <dgm:cxn modelId="{64D89DB3-B15D-4D1F-9EAF-E1D60036A8F5}" type="presOf" srcId="{5FDCA85D-1C67-44A6-9071-13A348508795}" destId="{A76F18EF-98B9-479F-AD3D-B0E4FFB0B47A}" srcOrd="1" destOrd="0" presId="urn:microsoft.com/office/officeart/2005/8/layout/orgChart1"/>
    <dgm:cxn modelId="{680C28E6-CE9E-4FBB-B0A3-FC304D14CD6D}" type="presOf" srcId="{28A0B37A-BED0-495D-9DE0-5C3EB254BD9C}" destId="{08335018-97AA-460E-A117-81DBA3DD3BA6}" srcOrd="0" destOrd="0" presId="urn:microsoft.com/office/officeart/2005/8/layout/orgChart1"/>
    <dgm:cxn modelId="{6581C4F9-789D-48A7-9428-0E021B2DC4A2}" srcId="{1AE76108-91FB-44D8-8A89-B8E208F7E5CA}" destId="{0ACBA0E5-BBCD-43D7-A3BC-FC0CF9D01C8A}" srcOrd="2" destOrd="0" parTransId="{C6B0EF2E-D0FA-4A1B-8E00-868CCDF8158E}" sibTransId="{D230325B-7A0E-4212-8386-DF558C1F2B2A}"/>
    <dgm:cxn modelId="{FEF880FD-EFA3-4635-A3CE-BEE5709A2740}" type="presOf" srcId="{E32B743A-4D9B-46EC-B467-37C95D82D444}" destId="{7E46C12F-3E25-4D17-99C8-FB705B0F3657}" srcOrd="0" destOrd="0" presId="urn:microsoft.com/office/officeart/2005/8/layout/orgChart1"/>
    <dgm:cxn modelId="{BB49443C-6F02-40AA-9394-ED712E0ECB10}" type="presOf" srcId="{480A263B-CD14-423A-A0E1-102EAB428708}" destId="{ED86A04F-8E18-4C09-847D-FF6943170D74}" srcOrd="0" destOrd="0" presId="urn:microsoft.com/office/officeart/2005/8/layout/orgChart1"/>
    <dgm:cxn modelId="{94944486-4BC4-4273-AB7E-DF110DCF4D1E}" type="presOf" srcId="{78502359-E29E-4A2D-ACAC-4DCAC351BAD4}" destId="{24932D62-51B8-4D71-A5FA-4BD57552139C}" srcOrd="0" destOrd="0" presId="urn:microsoft.com/office/officeart/2005/8/layout/orgChart1"/>
    <dgm:cxn modelId="{E78765A7-8535-4F9D-9C4D-3BACE5D2D1D4}" type="presOf" srcId="{DE0E1A6D-842C-4DA7-8886-D7DC31B420C4}" destId="{931BDEED-7C24-44A9-8AA6-DFC70DC799DC}" srcOrd="0" destOrd="0" presId="urn:microsoft.com/office/officeart/2005/8/layout/orgChart1"/>
    <dgm:cxn modelId="{405FE888-58E6-4B62-9280-8BE5157DCC5C}" type="presOf" srcId="{C6B0EF2E-D0FA-4A1B-8E00-868CCDF8158E}" destId="{86CB14CF-3AAB-49BF-A348-8C10128F63F4}" srcOrd="0" destOrd="0" presId="urn:microsoft.com/office/officeart/2005/8/layout/orgChart1"/>
    <dgm:cxn modelId="{96B205B4-5F7B-470F-9F70-6B6E2AA23B87}" srcId="{1AE76108-91FB-44D8-8A89-B8E208F7E5CA}" destId="{292949A4-AA05-4E18-B3F5-1798B9517995}" srcOrd="0" destOrd="0" parTransId="{480A263B-CD14-423A-A0E1-102EAB428708}" sibTransId="{95DB1844-9FB2-42CD-B947-48E4C21612F4}"/>
    <dgm:cxn modelId="{14EE8AC3-0110-4526-90CC-06B68394D9E2}" srcId="{78502359-E29E-4A2D-ACAC-4DCAC351BAD4}" destId="{1AE76108-91FB-44D8-8A89-B8E208F7E5CA}" srcOrd="0" destOrd="0" parTransId="{FB6FE0FF-6322-4547-93AB-8311BC623C08}" sibTransId="{0D0D4CAD-4648-4F86-96D2-249E348C9951}"/>
    <dgm:cxn modelId="{271D1B83-8B39-409B-9021-75223A00D6D6}" srcId="{1AE76108-91FB-44D8-8A89-B8E208F7E5CA}" destId="{5FDCA85D-1C67-44A6-9071-13A348508795}" srcOrd="3" destOrd="0" parTransId="{03FDE31C-AA0C-4FFD-88F3-B8C60C7688B2}" sibTransId="{FE1A6629-9F0A-4947-827E-686E8B12F027}"/>
    <dgm:cxn modelId="{0CFB5007-0D1F-40FF-91C9-3FB72A1C24F1}" type="presParOf" srcId="{24932D62-51B8-4D71-A5FA-4BD57552139C}" destId="{63487077-536E-4911-8464-54721A48DE05}" srcOrd="0" destOrd="0" presId="urn:microsoft.com/office/officeart/2005/8/layout/orgChart1"/>
    <dgm:cxn modelId="{0EC6EA3E-B89F-4447-913C-1571C96FED27}" type="presParOf" srcId="{63487077-536E-4911-8464-54721A48DE05}" destId="{342D541C-5030-4F91-A070-844941CA9444}" srcOrd="0" destOrd="0" presId="urn:microsoft.com/office/officeart/2005/8/layout/orgChart1"/>
    <dgm:cxn modelId="{0FEEAA41-0B12-4F6A-B648-322804C67B76}" type="presParOf" srcId="{342D541C-5030-4F91-A070-844941CA9444}" destId="{B4F9536A-212F-4EE6-8E36-1F7330E5587D}" srcOrd="0" destOrd="0" presId="urn:microsoft.com/office/officeart/2005/8/layout/orgChart1"/>
    <dgm:cxn modelId="{5BA38D31-4AFB-4DE7-9916-971CBB678557}" type="presParOf" srcId="{342D541C-5030-4F91-A070-844941CA9444}" destId="{B4EA89FA-F4C3-4343-B0EA-03CE8E80571B}" srcOrd="1" destOrd="0" presId="urn:microsoft.com/office/officeart/2005/8/layout/orgChart1"/>
    <dgm:cxn modelId="{BCDD4536-052E-439F-AA75-E2F2AB12867F}" type="presParOf" srcId="{63487077-536E-4911-8464-54721A48DE05}" destId="{D1F0577B-7768-4685-A52C-86010901C5D7}" srcOrd="1" destOrd="0" presId="urn:microsoft.com/office/officeart/2005/8/layout/orgChart1"/>
    <dgm:cxn modelId="{70F84126-7ECB-44E1-80DE-3C20A77EFEE3}" type="presParOf" srcId="{D1F0577B-7768-4685-A52C-86010901C5D7}" destId="{ED86A04F-8E18-4C09-847D-FF6943170D74}" srcOrd="0" destOrd="0" presId="urn:microsoft.com/office/officeart/2005/8/layout/orgChart1"/>
    <dgm:cxn modelId="{962326A1-C76C-480C-9B4F-0FC7BE304ABF}" type="presParOf" srcId="{D1F0577B-7768-4685-A52C-86010901C5D7}" destId="{EFB687C1-0A36-4EE0-869B-BE082DC4B4F5}" srcOrd="1" destOrd="0" presId="urn:microsoft.com/office/officeart/2005/8/layout/orgChart1"/>
    <dgm:cxn modelId="{9E98629D-16EC-4BBD-BDA5-026A0BFE1C31}" type="presParOf" srcId="{EFB687C1-0A36-4EE0-869B-BE082DC4B4F5}" destId="{B3B2FC3E-37B1-4887-B44A-51C1D04E725F}" srcOrd="0" destOrd="0" presId="urn:microsoft.com/office/officeart/2005/8/layout/orgChart1"/>
    <dgm:cxn modelId="{5FA311C0-BD52-4CEB-9EDE-299965A3CF02}" type="presParOf" srcId="{B3B2FC3E-37B1-4887-B44A-51C1D04E725F}" destId="{7174A553-29A2-4360-80CF-40A80BE1E5E1}" srcOrd="0" destOrd="0" presId="urn:microsoft.com/office/officeart/2005/8/layout/orgChart1"/>
    <dgm:cxn modelId="{50537107-CB2B-487E-9CF3-6B7013F84F4C}" type="presParOf" srcId="{B3B2FC3E-37B1-4887-B44A-51C1D04E725F}" destId="{D164376A-6279-4F34-8FAC-9C7E5143D544}" srcOrd="1" destOrd="0" presId="urn:microsoft.com/office/officeart/2005/8/layout/orgChart1"/>
    <dgm:cxn modelId="{5331ED7E-509A-48FF-A796-BFB3F1EACC69}" type="presParOf" srcId="{EFB687C1-0A36-4EE0-869B-BE082DC4B4F5}" destId="{8C825E58-14E8-483E-9F7B-AA1792C01D88}" srcOrd="1" destOrd="0" presId="urn:microsoft.com/office/officeart/2005/8/layout/orgChart1"/>
    <dgm:cxn modelId="{5E496E28-2181-43F5-890C-01301AF59F48}" type="presParOf" srcId="{EFB687C1-0A36-4EE0-869B-BE082DC4B4F5}" destId="{DE7C342C-0614-40D9-A99C-12D7AD9BC715}" srcOrd="2" destOrd="0" presId="urn:microsoft.com/office/officeart/2005/8/layout/orgChart1"/>
    <dgm:cxn modelId="{540D14C7-5AAC-4434-BDB2-0A7D140CF776}" type="presParOf" srcId="{D1F0577B-7768-4685-A52C-86010901C5D7}" destId="{49F27310-186D-41EB-B0D9-B311379F2447}" srcOrd="2" destOrd="0" presId="urn:microsoft.com/office/officeart/2005/8/layout/orgChart1"/>
    <dgm:cxn modelId="{1001C565-83B7-4B69-9CD5-84ACE844731B}" type="presParOf" srcId="{D1F0577B-7768-4685-A52C-86010901C5D7}" destId="{DD37C9DD-498D-4BBC-B3E4-1EA4D5759522}" srcOrd="3" destOrd="0" presId="urn:microsoft.com/office/officeart/2005/8/layout/orgChart1"/>
    <dgm:cxn modelId="{FC785C28-8611-4E5D-9A2F-74B71271FC91}" type="presParOf" srcId="{DD37C9DD-498D-4BBC-B3E4-1EA4D5759522}" destId="{5D52FA1C-A3E5-4CA3-8F7A-23BAFF63DCA7}" srcOrd="0" destOrd="0" presId="urn:microsoft.com/office/officeart/2005/8/layout/orgChart1"/>
    <dgm:cxn modelId="{7AEC5F3D-1068-4977-BBD3-1137B44851D5}" type="presParOf" srcId="{5D52FA1C-A3E5-4CA3-8F7A-23BAFF63DCA7}" destId="{08335018-97AA-460E-A117-81DBA3DD3BA6}" srcOrd="0" destOrd="0" presId="urn:microsoft.com/office/officeart/2005/8/layout/orgChart1"/>
    <dgm:cxn modelId="{CAD48517-44EB-41AA-81C0-DE7E9CF9691B}" type="presParOf" srcId="{5D52FA1C-A3E5-4CA3-8F7A-23BAFF63DCA7}" destId="{65D0D12C-4679-4F26-9710-FD8E514589D1}" srcOrd="1" destOrd="0" presId="urn:microsoft.com/office/officeart/2005/8/layout/orgChart1"/>
    <dgm:cxn modelId="{FEEF8A9A-1A24-4A99-B569-4E584691FF3E}" type="presParOf" srcId="{DD37C9DD-498D-4BBC-B3E4-1EA4D5759522}" destId="{8EB97B11-FBCA-4B4E-B19F-53DF3AFDD2F3}" srcOrd="1" destOrd="0" presId="urn:microsoft.com/office/officeart/2005/8/layout/orgChart1"/>
    <dgm:cxn modelId="{5F91BD3E-3699-48BE-8BA8-FE385E17EBC0}" type="presParOf" srcId="{DD37C9DD-498D-4BBC-B3E4-1EA4D5759522}" destId="{02C81350-F8A1-4EAC-834A-37E8A0F9D7A0}" srcOrd="2" destOrd="0" presId="urn:microsoft.com/office/officeart/2005/8/layout/orgChart1"/>
    <dgm:cxn modelId="{E7B8AC9B-16B9-43F2-9EF3-9E62277E8DB2}" type="presParOf" srcId="{D1F0577B-7768-4685-A52C-86010901C5D7}" destId="{86CB14CF-3AAB-49BF-A348-8C10128F63F4}" srcOrd="4" destOrd="0" presId="urn:microsoft.com/office/officeart/2005/8/layout/orgChart1"/>
    <dgm:cxn modelId="{54F51BC0-664F-41D1-92EB-0DC7A77BE4D4}" type="presParOf" srcId="{D1F0577B-7768-4685-A52C-86010901C5D7}" destId="{77371579-F80B-48CD-B835-644D974105F2}" srcOrd="5" destOrd="0" presId="urn:microsoft.com/office/officeart/2005/8/layout/orgChart1"/>
    <dgm:cxn modelId="{3E98C706-5C4A-4AC5-8D45-52B90B1F6A67}" type="presParOf" srcId="{77371579-F80B-48CD-B835-644D974105F2}" destId="{C6C8DF18-AFF5-41C5-91D5-986B3912F98F}" srcOrd="0" destOrd="0" presId="urn:microsoft.com/office/officeart/2005/8/layout/orgChart1"/>
    <dgm:cxn modelId="{2BBC496F-B21D-44D2-9F8A-A4F2125AC06A}" type="presParOf" srcId="{C6C8DF18-AFF5-41C5-91D5-986B3912F98F}" destId="{57DA3771-BFCF-450F-AC08-0C13953670E4}" srcOrd="0" destOrd="0" presId="urn:microsoft.com/office/officeart/2005/8/layout/orgChart1"/>
    <dgm:cxn modelId="{4E27071E-AD88-4EC9-B2C1-987CE1882628}" type="presParOf" srcId="{C6C8DF18-AFF5-41C5-91D5-986B3912F98F}" destId="{FA66423F-FACA-4DAE-89C7-B644512E5F7D}" srcOrd="1" destOrd="0" presId="urn:microsoft.com/office/officeart/2005/8/layout/orgChart1"/>
    <dgm:cxn modelId="{FBA162B0-2C24-413B-9EC8-A6AD1B7F9E38}" type="presParOf" srcId="{77371579-F80B-48CD-B835-644D974105F2}" destId="{A60090D2-BA88-4DA7-A0B0-A2449D16B861}" srcOrd="1" destOrd="0" presId="urn:microsoft.com/office/officeart/2005/8/layout/orgChart1"/>
    <dgm:cxn modelId="{93395581-F5E9-438F-91C7-6D305E1F6C97}" type="presParOf" srcId="{77371579-F80B-48CD-B835-644D974105F2}" destId="{1058A9B4-2819-474F-9B1E-FCE066EC39C9}" srcOrd="2" destOrd="0" presId="urn:microsoft.com/office/officeart/2005/8/layout/orgChart1"/>
    <dgm:cxn modelId="{54EDE5F1-09CD-4D7A-8E3D-F8AB4DC649FE}" type="presParOf" srcId="{D1F0577B-7768-4685-A52C-86010901C5D7}" destId="{8E0B701E-731A-4119-97E9-BE8C6970B14F}" srcOrd="6" destOrd="0" presId="urn:microsoft.com/office/officeart/2005/8/layout/orgChart1"/>
    <dgm:cxn modelId="{98A26B21-5455-4745-BA1C-F83E5C9E6CA2}" type="presParOf" srcId="{D1F0577B-7768-4685-A52C-86010901C5D7}" destId="{874468E2-0EC1-4B30-BFBA-2E7D789367BD}" srcOrd="7" destOrd="0" presId="urn:microsoft.com/office/officeart/2005/8/layout/orgChart1"/>
    <dgm:cxn modelId="{ABF97654-12EE-4BCB-808A-087450318120}" type="presParOf" srcId="{874468E2-0EC1-4B30-BFBA-2E7D789367BD}" destId="{EBD67921-28BF-4E49-9555-F1C1BBCF3162}" srcOrd="0" destOrd="0" presId="urn:microsoft.com/office/officeart/2005/8/layout/orgChart1"/>
    <dgm:cxn modelId="{E1FA8BC3-9D7B-4171-91E6-E7D6E44AC322}" type="presParOf" srcId="{EBD67921-28BF-4E49-9555-F1C1BBCF3162}" destId="{95F76DE9-F993-4C08-8EB9-2BBE7C2B73FA}" srcOrd="0" destOrd="0" presId="urn:microsoft.com/office/officeart/2005/8/layout/orgChart1"/>
    <dgm:cxn modelId="{5DC99CEC-3AE7-43D5-9772-75405C961727}" type="presParOf" srcId="{EBD67921-28BF-4E49-9555-F1C1BBCF3162}" destId="{A76F18EF-98B9-479F-AD3D-B0E4FFB0B47A}" srcOrd="1" destOrd="0" presId="urn:microsoft.com/office/officeart/2005/8/layout/orgChart1"/>
    <dgm:cxn modelId="{B6AB3798-E4D0-4910-AD75-DB1DC8270B21}" type="presParOf" srcId="{874468E2-0EC1-4B30-BFBA-2E7D789367BD}" destId="{D5C426A1-EAF3-4CC8-9D70-F9EBFDECC12B}" srcOrd="1" destOrd="0" presId="urn:microsoft.com/office/officeart/2005/8/layout/orgChart1"/>
    <dgm:cxn modelId="{BFB15365-5AAA-4488-B6CF-2E66439949D7}" type="presParOf" srcId="{874468E2-0EC1-4B30-BFBA-2E7D789367BD}" destId="{FAC07446-5EA7-473F-8A6A-3F435781B06F}" srcOrd="2" destOrd="0" presId="urn:microsoft.com/office/officeart/2005/8/layout/orgChart1"/>
    <dgm:cxn modelId="{CFE6669B-194D-437C-898B-255633F7166E}" type="presParOf" srcId="{D1F0577B-7768-4685-A52C-86010901C5D7}" destId="{7E46C12F-3E25-4D17-99C8-FB705B0F3657}" srcOrd="8" destOrd="0" presId="urn:microsoft.com/office/officeart/2005/8/layout/orgChart1"/>
    <dgm:cxn modelId="{76A235C7-5BFB-4E27-9A15-64877876E724}" type="presParOf" srcId="{D1F0577B-7768-4685-A52C-86010901C5D7}" destId="{771C4E75-88C8-49EF-B8A4-B3BD6AD3E37D}" srcOrd="9" destOrd="0" presId="urn:microsoft.com/office/officeart/2005/8/layout/orgChart1"/>
    <dgm:cxn modelId="{B2C97664-1A7F-4CCE-A067-EAB2EEC91BB5}" type="presParOf" srcId="{771C4E75-88C8-49EF-B8A4-B3BD6AD3E37D}" destId="{AD47438A-AF57-4FE5-873B-462AF393E2CD}" srcOrd="0" destOrd="0" presId="urn:microsoft.com/office/officeart/2005/8/layout/orgChart1"/>
    <dgm:cxn modelId="{BFF452B8-44EF-4E0E-B3FC-3DBAF0706532}" type="presParOf" srcId="{AD47438A-AF57-4FE5-873B-462AF393E2CD}" destId="{931BDEED-7C24-44A9-8AA6-DFC70DC799DC}" srcOrd="0" destOrd="0" presId="urn:microsoft.com/office/officeart/2005/8/layout/orgChart1"/>
    <dgm:cxn modelId="{3134D99A-FDA4-4156-ABC8-3858DDA18121}" type="presParOf" srcId="{AD47438A-AF57-4FE5-873B-462AF393E2CD}" destId="{8D51D276-271D-4015-8578-EBD555336B3D}" srcOrd="1" destOrd="0" presId="urn:microsoft.com/office/officeart/2005/8/layout/orgChart1"/>
    <dgm:cxn modelId="{AFB6C644-E389-4C35-8BBC-EFD8DD8D7616}" type="presParOf" srcId="{771C4E75-88C8-49EF-B8A4-B3BD6AD3E37D}" destId="{20E5082B-3C39-41EC-8783-72298E3631D8}" srcOrd="1" destOrd="0" presId="urn:microsoft.com/office/officeart/2005/8/layout/orgChart1"/>
    <dgm:cxn modelId="{BC948A02-2F8D-4CDC-A7BE-7B33C05A7D88}" type="presParOf" srcId="{771C4E75-88C8-49EF-B8A4-B3BD6AD3E37D}" destId="{C0CCEAD5-F37E-4C94-B710-03A6AEE51212}" srcOrd="2" destOrd="0" presId="urn:microsoft.com/office/officeart/2005/8/layout/orgChart1"/>
    <dgm:cxn modelId="{6B635DEA-019E-4ADB-9EC6-28EAFB8AE4FD}" type="presParOf" srcId="{63487077-536E-4911-8464-54721A48DE05}" destId="{53425F9F-A766-4F4F-BE7E-8967A57E25F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6886F70-53AC-4A1D-B166-B252409AE4D6}">
      <dsp:nvSpPr>
        <dsp:cNvPr id="0" name=""/>
        <dsp:cNvSpPr/>
      </dsp:nvSpPr>
      <dsp:spPr>
        <a:xfrm>
          <a:off x="9114911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770468" y="249876"/>
              </a:lnTo>
              <a:lnTo>
                <a:pt x="770468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19D0B73-716F-4D2A-AEE4-D492EC9766E1}">
      <dsp:nvSpPr>
        <dsp:cNvPr id="0" name=""/>
        <dsp:cNvSpPr/>
      </dsp:nvSpPr>
      <dsp:spPr>
        <a:xfrm>
          <a:off x="8344442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770468" y="0"/>
              </a:moveTo>
              <a:lnTo>
                <a:pt x="77046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3C1F878-72D2-4A3E-8C52-F4A9B1783C33}">
      <dsp:nvSpPr>
        <dsp:cNvPr id="0" name=""/>
        <dsp:cNvSpPr/>
      </dsp:nvSpPr>
      <dsp:spPr>
        <a:xfrm>
          <a:off x="5647802" y="817899"/>
          <a:ext cx="3467108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3467108" y="249876"/>
              </a:lnTo>
              <a:lnTo>
                <a:pt x="3467108" y="366672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71D3D05-A41D-4581-93F6-4963BA212C02}">
      <dsp:nvSpPr>
        <dsp:cNvPr id="0" name=""/>
        <dsp:cNvSpPr/>
      </dsp:nvSpPr>
      <dsp:spPr>
        <a:xfrm>
          <a:off x="6033036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770468" y="249876"/>
              </a:lnTo>
              <a:lnTo>
                <a:pt x="770468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FC7338C-D613-42CE-A3C8-1E1BCE0FEA62}">
      <dsp:nvSpPr>
        <dsp:cNvPr id="0" name=""/>
        <dsp:cNvSpPr/>
      </dsp:nvSpPr>
      <dsp:spPr>
        <a:xfrm>
          <a:off x="5262568" y="1985159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770468" y="0"/>
              </a:moveTo>
              <a:lnTo>
                <a:pt x="77046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3E913A0-B01D-43F1-B1A3-E3D474304F95}">
      <dsp:nvSpPr>
        <dsp:cNvPr id="0" name=""/>
        <dsp:cNvSpPr/>
      </dsp:nvSpPr>
      <dsp:spPr>
        <a:xfrm>
          <a:off x="5647802" y="817899"/>
          <a:ext cx="385234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385234" y="249876"/>
              </a:lnTo>
              <a:lnTo>
                <a:pt x="385234" y="366672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14DB863-679E-4258-8402-2159575E641E}">
      <dsp:nvSpPr>
        <dsp:cNvPr id="0" name=""/>
        <dsp:cNvSpPr/>
      </dsp:nvSpPr>
      <dsp:spPr>
        <a:xfrm>
          <a:off x="2180694" y="1985159"/>
          <a:ext cx="1540937" cy="366672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876"/>
              </a:lnTo>
              <a:lnTo>
                <a:pt x="1540937" y="249876"/>
              </a:lnTo>
              <a:lnTo>
                <a:pt x="1540937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7EAC32E-5B12-4CF8-A403-4ABB602D7616}">
      <dsp:nvSpPr>
        <dsp:cNvPr id="0" name=""/>
        <dsp:cNvSpPr/>
      </dsp:nvSpPr>
      <dsp:spPr>
        <a:xfrm>
          <a:off x="2180694" y="3152418"/>
          <a:ext cx="747371" cy="37114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54352"/>
              </a:lnTo>
              <a:lnTo>
                <a:pt x="747371" y="254352"/>
              </a:lnTo>
              <a:lnTo>
                <a:pt x="747371" y="371148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4D0538D-E072-4653-B991-7AC462ECA95E}">
      <dsp:nvSpPr>
        <dsp:cNvPr id="0" name=""/>
        <dsp:cNvSpPr/>
      </dsp:nvSpPr>
      <dsp:spPr>
        <a:xfrm>
          <a:off x="1364505" y="4319678"/>
          <a:ext cx="91440" cy="366672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5505B47-1C8A-4C07-AF2D-C665D2BAA430}">
      <dsp:nvSpPr>
        <dsp:cNvPr id="0" name=""/>
        <dsp:cNvSpPr/>
      </dsp:nvSpPr>
      <dsp:spPr>
        <a:xfrm>
          <a:off x="1410225" y="3152418"/>
          <a:ext cx="770468" cy="366672"/>
        </a:xfrm>
        <a:custGeom>
          <a:avLst/>
          <a:gdLst/>
          <a:ahLst/>
          <a:cxnLst/>
          <a:rect l="0" t="0" r="0" b="0"/>
          <a:pathLst>
            <a:path>
              <a:moveTo>
                <a:pt x="770468" y="0"/>
              </a:moveTo>
              <a:lnTo>
                <a:pt x="77046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B5FEBAB-8837-4482-8475-02454E646497}">
      <dsp:nvSpPr>
        <dsp:cNvPr id="0" name=""/>
        <dsp:cNvSpPr/>
      </dsp:nvSpPr>
      <dsp:spPr>
        <a:xfrm>
          <a:off x="2134974" y="1985159"/>
          <a:ext cx="91440" cy="366672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B928631-2B17-47FC-8968-E2AAB4978614}">
      <dsp:nvSpPr>
        <dsp:cNvPr id="0" name=""/>
        <dsp:cNvSpPr/>
      </dsp:nvSpPr>
      <dsp:spPr>
        <a:xfrm>
          <a:off x="639757" y="1985159"/>
          <a:ext cx="1540937" cy="366672"/>
        </a:xfrm>
        <a:custGeom>
          <a:avLst/>
          <a:gdLst/>
          <a:ahLst/>
          <a:cxnLst/>
          <a:rect l="0" t="0" r="0" b="0"/>
          <a:pathLst>
            <a:path>
              <a:moveTo>
                <a:pt x="1540937" y="0"/>
              </a:moveTo>
              <a:lnTo>
                <a:pt x="1540937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7C6150A-D796-4FB1-9AC7-64B824B4A8AC}">
      <dsp:nvSpPr>
        <dsp:cNvPr id="0" name=""/>
        <dsp:cNvSpPr/>
      </dsp:nvSpPr>
      <dsp:spPr>
        <a:xfrm>
          <a:off x="2180694" y="817899"/>
          <a:ext cx="3467108" cy="366672"/>
        </a:xfrm>
        <a:custGeom>
          <a:avLst/>
          <a:gdLst/>
          <a:ahLst/>
          <a:cxnLst/>
          <a:rect l="0" t="0" r="0" b="0"/>
          <a:pathLst>
            <a:path>
              <a:moveTo>
                <a:pt x="3467108" y="0"/>
              </a:moveTo>
              <a:lnTo>
                <a:pt x="3467108" y="249876"/>
              </a:lnTo>
              <a:lnTo>
                <a:pt x="0" y="249876"/>
              </a:lnTo>
              <a:lnTo>
                <a:pt x="0" y="366672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87E00FC-04B5-4421-A96F-CA460E2B19DF}">
      <dsp:nvSpPr>
        <dsp:cNvPr id="0" name=""/>
        <dsp:cNvSpPr/>
      </dsp:nvSpPr>
      <dsp:spPr>
        <a:xfrm>
          <a:off x="5017419" y="1731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68D9E49-D88B-430E-AC72-CD00412C6BE0}">
      <dsp:nvSpPr>
        <dsp:cNvPr id="0" name=""/>
        <dsp:cNvSpPr/>
      </dsp:nvSpPr>
      <dsp:spPr>
        <a:xfrm>
          <a:off x="5157504" y="15039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Jason Zander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i="1" kern="1200" dirty="0" smtClean="0"/>
            <a:t>President &amp; CEO</a:t>
          </a:r>
          <a:endParaRPr lang="en-US" sz="1100" kern="1200" dirty="0"/>
        </a:p>
      </dsp:txBody>
      <dsp:txXfrm>
        <a:off x="5180952" y="173841"/>
        <a:ext cx="1213870" cy="753690"/>
      </dsp:txXfrm>
    </dsp:sp>
    <dsp:sp modelId="{E5517394-D959-43B0-B5C5-7EB48695E2C4}">
      <dsp:nvSpPr>
        <dsp:cNvPr id="0" name=""/>
        <dsp:cNvSpPr/>
      </dsp:nvSpPr>
      <dsp:spPr>
        <a:xfrm>
          <a:off x="1550310" y="118457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8BBCCEC-793A-4277-AD06-599860F93258}">
      <dsp:nvSpPr>
        <dsp:cNvPr id="0" name=""/>
        <dsp:cNvSpPr/>
      </dsp:nvSpPr>
      <dsp:spPr>
        <a:xfrm>
          <a:off x="1690396" y="131765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Olivier Renaud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Team Director</a:t>
          </a:r>
          <a:endParaRPr lang="en-US" sz="1100" i="1" kern="1200" dirty="0"/>
        </a:p>
      </dsp:txBody>
      <dsp:txXfrm>
        <a:off x="1713844" y="1341101"/>
        <a:ext cx="1213870" cy="753690"/>
      </dsp:txXfrm>
    </dsp:sp>
    <dsp:sp modelId="{3D56BD52-D03A-4047-AD41-D4D4A6EFB434}">
      <dsp:nvSpPr>
        <dsp:cNvPr id="0" name=""/>
        <dsp:cNvSpPr/>
      </dsp:nvSpPr>
      <dsp:spPr>
        <a:xfrm>
          <a:off x="9373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FD57AA-D4E2-49CB-894F-A4546A90226D}">
      <dsp:nvSpPr>
        <dsp:cNvPr id="0" name=""/>
        <dsp:cNvSpPr/>
      </dsp:nvSpPr>
      <dsp:spPr>
        <a:xfrm>
          <a:off x="149458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Spencer Lowe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Regional Manager</a:t>
          </a:r>
        </a:p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i="1" kern="1200" dirty="0" smtClean="0"/>
            <a:t>Of 5 Locations</a:t>
          </a:r>
          <a:endParaRPr lang="en-US" sz="1100" i="1" kern="1200" dirty="0"/>
        </a:p>
      </dsp:txBody>
      <dsp:txXfrm>
        <a:off x="172906" y="2508361"/>
        <a:ext cx="1213870" cy="753690"/>
      </dsp:txXfrm>
    </dsp:sp>
    <dsp:sp modelId="{DCB1E33D-13EC-4E25-974B-BEC1BFAB8C57}">
      <dsp:nvSpPr>
        <dsp:cNvPr id="0" name=""/>
        <dsp:cNvSpPr/>
      </dsp:nvSpPr>
      <dsp:spPr>
        <a:xfrm>
          <a:off x="1550310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2B6613B-3143-4290-BD1E-F9C795102D53}">
      <dsp:nvSpPr>
        <dsp:cNvPr id="0" name=""/>
        <dsp:cNvSpPr/>
      </dsp:nvSpPr>
      <dsp:spPr>
        <a:xfrm>
          <a:off x="1690396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Mike </a:t>
          </a:r>
          <a:r>
            <a:rPr lang="en-US" sz="1100" b="1" kern="1200" dirty="0" err="1" smtClean="0"/>
            <a:t>Danselio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Regional Manager</a:t>
          </a:r>
        </a:p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i="1" kern="1200" dirty="0" smtClean="0"/>
            <a:t>Of 5 Locations</a:t>
          </a:r>
          <a:endParaRPr lang="en-US" sz="1100" i="1" kern="1200" dirty="0"/>
        </a:p>
      </dsp:txBody>
      <dsp:txXfrm>
        <a:off x="1713844" y="2508361"/>
        <a:ext cx="1213870" cy="753690"/>
      </dsp:txXfrm>
    </dsp:sp>
    <dsp:sp modelId="{3EAB1CE4-68D7-4335-A270-8E3EB71A5790}">
      <dsp:nvSpPr>
        <dsp:cNvPr id="0" name=""/>
        <dsp:cNvSpPr/>
      </dsp:nvSpPr>
      <dsp:spPr>
        <a:xfrm>
          <a:off x="779842" y="3519091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8B9209-6251-4FFD-B69F-48F18D4CC349}">
      <dsp:nvSpPr>
        <dsp:cNvPr id="0" name=""/>
        <dsp:cNvSpPr/>
      </dsp:nvSpPr>
      <dsp:spPr>
        <a:xfrm>
          <a:off x="919927" y="3652172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Gym Manager</a:t>
          </a:r>
          <a:endParaRPr lang="en-US" sz="1100" kern="1200" dirty="0"/>
        </a:p>
      </dsp:txBody>
      <dsp:txXfrm>
        <a:off x="943375" y="3675620"/>
        <a:ext cx="1213870" cy="753690"/>
      </dsp:txXfrm>
    </dsp:sp>
    <dsp:sp modelId="{8629E89B-2488-4E84-8D53-9ABAE0E950DB}">
      <dsp:nvSpPr>
        <dsp:cNvPr id="0" name=""/>
        <dsp:cNvSpPr/>
      </dsp:nvSpPr>
      <dsp:spPr>
        <a:xfrm>
          <a:off x="779842" y="4686351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983FC9C-3F2A-407E-A90F-1A955985B64E}">
      <dsp:nvSpPr>
        <dsp:cNvPr id="0" name=""/>
        <dsp:cNvSpPr/>
      </dsp:nvSpPr>
      <dsp:spPr>
        <a:xfrm>
          <a:off x="919927" y="4819432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Assistant Manager of Gym</a:t>
          </a:r>
          <a:endParaRPr lang="en-US" sz="1100" kern="1200" dirty="0"/>
        </a:p>
      </dsp:txBody>
      <dsp:txXfrm>
        <a:off x="943375" y="4842880"/>
        <a:ext cx="1213870" cy="753690"/>
      </dsp:txXfrm>
    </dsp:sp>
    <dsp:sp modelId="{1527F68E-B504-4B54-9F83-94EE448F2A71}">
      <dsp:nvSpPr>
        <dsp:cNvPr id="0" name=""/>
        <dsp:cNvSpPr/>
      </dsp:nvSpPr>
      <dsp:spPr>
        <a:xfrm>
          <a:off x="2297682" y="3523567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B801A85-6C38-4204-A802-154EC5C79269}">
      <dsp:nvSpPr>
        <dsp:cNvPr id="0" name=""/>
        <dsp:cNvSpPr/>
      </dsp:nvSpPr>
      <dsp:spPr>
        <a:xfrm>
          <a:off x="2437767" y="3656648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HR representative</a:t>
          </a:r>
          <a:endParaRPr lang="en-US" sz="1100" b="1" kern="1200" dirty="0"/>
        </a:p>
      </dsp:txBody>
      <dsp:txXfrm>
        <a:off x="2461215" y="3680096"/>
        <a:ext cx="1213870" cy="753690"/>
      </dsp:txXfrm>
    </dsp:sp>
    <dsp:sp modelId="{0D430ACC-0A24-4E88-8E41-B626B052AB56}">
      <dsp:nvSpPr>
        <dsp:cNvPr id="0" name=""/>
        <dsp:cNvSpPr/>
      </dsp:nvSpPr>
      <dsp:spPr>
        <a:xfrm>
          <a:off x="3091247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54549B9-146B-470F-8DA8-7473A3C06B36}">
      <dsp:nvSpPr>
        <dsp:cNvPr id="0" name=""/>
        <dsp:cNvSpPr/>
      </dsp:nvSpPr>
      <dsp:spPr>
        <a:xfrm>
          <a:off x="3231333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err="1" smtClean="0"/>
            <a:t>Prashanth</a:t>
          </a:r>
          <a:r>
            <a:rPr lang="en-US" sz="1100" b="1" kern="1200" dirty="0" smtClean="0"/>
            <a:t> Desai</a:t>
          </a:r>
          <a:br>
            <a:rPr lang="en-US" sz="1100" b="1" kern="1200" dirty="0" smtClean="0"/>
          </a:br>
          <a:r>
            <a:rPr lang="en-US" sz="1100" b="0" kern="1200" dirty="0" smtClean="0"/>
            <a:t>Regiona</a:t>
          </a:r>
          <a:r>
            <a:rPr lang="en-US" sz="1100" b="1" kern="1200" dirty="0" smtClean="0"/>
            <a:t>l</a:t>
          </a:r>
          <a:r>
            <a:rPr lang="en-US" sz="1100" i="1" kern="1200" dirty="0" smtClean="0"/>
            <a:t> Manager</a:t>
          </a:r>
        </a:p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i="1" kern="1200" dirty="0" smtClean="0"/>
            <a:t>Of 5 Locations</a:t>
          </a:r>
          <a:endParaRPr lang="en-US" sz="1100" i="1" kern="1200" dirty="0"/>
        </a:p>
      </dsp:txBody>
      <dsp:txXfrm>
        <a:off x="3254781" y="2508361"/>
        <a:ext cx="1213870" cy="753690"/>
      </dsp:txXfrm>
    </dsp:sp>
    <dsp:sp modelId="{814D968B-BB58-4009-A740-66AD03AAD2CC}">
      <dsp:nvSpPr>
        <dsp:cNvPr id="0" name=""/>
        <dsp:cNvSpPr/>
      </dsp:nvSpPr>
      <dsp:spPr>
        <a:xfrm>
          <a:off x="5402653" y="118457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5FE02B-F52A-4D21-AD4B-153872E225D6}">
      <dsp:nvSpPr>
        <dsp:cNvPr id="0" name=""/>
        <dsp:cNvSpPr/>
      </dsp:nvSpPr>
      <dsp:spPr>
        <a:xfrm>
          <a:off x="5542738" y="131765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Lawrie Gaffney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kern="1200" dirty="0" smtClean="0"/>
            <a:t>CFO</a:t>
          </a:r>
          <a:endParaRPr lang="en-US" sz="1100" i="1" kern="1200" dirty="0"/>
        </a:p>
      </dsp:txBody>
      <dsp:txXfrm>
        <a:off x="5566186" y="1341101"/>
        <a:ext cx="1213870" cy="753690"/>
      </dsp:txXfrm>
    </dsp:sp>
    <dsp:sp modelId="{BB1DA2C6-9035-47F3-AABE-8B758B6D19F0}">
      <dsp:nvSpPr>
        <dsp:cNvPr id="0" name=""/>
        <dsp:cNvSpPr/>
      </dsp:nvSpPr>
      <dsp:spPr>
        <a:xfrm>
          <a:off x="4632185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D06AB76-11B4-4CAA-9887-9CEC3100795D}">
      <dsp:nvSpPr>
        <dsp:cNvPr id="0" name=""/>
        <dsp:cNvSpPr/>
      </dsp:nvSpPr>
      <dsp:spPr>
        <a:xfrm>
          <a:off x="4772270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smtClean="0"/>
            <a:t>Patrick lliott</a:t>
          </a:r>
          <a:r>
            <a:rPr lang="en-US" sz="1100" b="1" kern="1200" dirty="0" smtClean="0"/>
            <a:t/>
          </a:r>
          <a:br>
            <a:rPr lang="en-US" sz="1100" b="1" kern="1200" dirty="0" smtClean="0"/>
          </a:br>
          <a:r>
            <a:rPr lang="en-US" sz="1100" i="1" kern="1200" dirty="0" smtClean="0"/>
            <a:t>VP Finance</a:t>
          </a:r>
          <a:endParaRPr lang="en-US" sz="1100" i="1" kern="1200" dirty="0"/>
        </a:p>
      </dsp:txBody>
      <dsp:txXfrm>
        <a:off x="4795718" y="2508361"/>
        <a:ext cx="1213870" cy="753690"/>
      </dsp:txXfrm>
    </dsp:sp>
    <dsp:sp modelId="{C410A2C1-12AA-4197-9D2B-0529261F107A}">
      <dsp:nvSpPr>
        <dsp:cNvPr id="0" name=""/>
        <dsp:cNvSpPr/>
      </dsp:nvSpPr>
      <dsp:spPr>
        <a:xfrm>
          <a:off x="6173122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FD81334-87C5-4BAE-8B17-A68BD1AC0BD4}">
      <dsp:nvSpPr>
        <dsp:cNvPr id="0" name=""/>
        <dsp:cNvSpPr/>
      </dsp:nvSpPr>
      <dsp:spPr>
        <a:xfrm>
          <a:off x="6313207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Lola Jacobsen</a:t>
          </a:r>
          <a:br>
            <a:rPr lang="en-US" sz="1100" b="1" kern="1200" dirty="0" smtClean="0"/>
          </a:br>
          <a:r>
            <a:rPr lang="en-US" sz="1100" i="1" kern="1200" dirty="0" smtClean="0"/>
            <a:t>VP Accounting</a:t>
          </a:r>
          <a:endParaRPr lang="en-US" sz="1100" i="1" kern="1200" dirty="0"/>
        </a:p>
      </dsp:txBody>
      <dsp:txXfrm>
        <a:off x="6336655" y="2508361"/>
        <a:ext cx="1213870" cy="753690"/>
      </dsp:txXfrm>
    </dsp:sp>
    <dsp:sp modelId="{53DA5E8F-87F9-40FC-9678-EFD0486B275A}">
      <dsp:nvSpPr>
        <dsp:cNvPr id="0" name=""/>
        <dsp:cNvSpPr/>
      </dsp:nvSpPr>
      <dsp:spPr>
        <a:xfrm>
          <a:off x="8484527" y="118457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8017F3B-DDE1-42D3-931F-E089B2220CD1}">
      <dsp:nvSpPr>
        <dsp:cNvPr id="0" name=""/>
        <dsp:cNvSpPr/>
      </dsp:nvSpPr>
      <dsp:spPr>
        <a:xfrm>
          <a:off x="8624612" y="131765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err="1" smtClean="0"/>
            <a:t>Szabolcs</a:t>
          </a:r>
          <a:r>
            <a:rPr lang="en-US" sz="1100" b="1" kern="1200" dirty="0" smtClean="0"/>
            <a:t> </a:t>
          </a:r>
          <a:r>
            <a:rPr lang="en-US" sz="1100" b="1" kern="1200" dirty="0" err="1" smtClean="0"/>
            <a:t>Vajda</a:t>
          </a:r>
          <a:r>
            <a:rPr lang="en-US" sz="1100" b="1" kern="1200" dirty="0" smtClean="0"/>
            <a:t/>
          </a:r>
          <a:br>
            <a:rPr lang="en-US" sz="1100" b="1" kern="1200" dirty="0" smtClean="0"/>
          </a:br>
          <a:r>
            <a:rPr lang="en-US" sz="1100" b="0" kern="1200" dirty="0" smtClean="0"/>
            <a:t>Director of Human Resources</a:t>
          </a:r>
          <a:endParaRPr lang="en-US" sz="1100" b="0" i="1" kern="1200" dirty="0"/>
        </a:p>
      </dsp:txBody>
      <dsp:txXfrm>
        <a:off x="8648060" y="1341101"/>
        <a:ext cx="1213870" cy="753690"/>
      </dsp:txXfrm>
    </dsp:sp>
    <dsp:sp modelId="{C1D5E974-C272-426D-9C3B-33FC0063D5F1}">
      <dsp:nvSpPr>
        <dsp:cNvPr id="0" name=""/>
        <dsp:cNvSpPr/>
      </dsp:nvSpPr>
      <dsp:spPr>
        <a:xfrm>
          <a:off x="7714059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90AA37-9CAE-47C1-8091-0E18D98AD0A1}">
      <dsp:nvSpPr>
        <dsp:cNvPr id="0" name=""/>
        <dsp:cNvSpPr/>
      </dsp:nvSpPr>
      <dsp:spPr>
        <a:xfrm>
          <a:off x="7854144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Jason </a:t>
          </a:r>
          <a:r>
            <a:rPr lang="en-US" sz="1100" b="1" kern="1200" dirty="0" err="1" smtClean="0"/>
            <a:t>Kozleski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i="1" kern="1200" dirty="0" smtClean="0"/>
            <a:t>VP Human Resources</a:t>
          </a:r>
          <a:endParaRPr lang="en-US" sz="1100" i="1" kern="1200" dirty="0"/>
        </a:p>
      </dsp:txBody>
      <dsp:txXfrm>
        <a:off x="7877592" y="2508361"/>
        <a:ext cx="1213870" cy="753690"/>
      </dsp:txXfrm>
    </dsp:sp>
    <dsp:sp modelId="{50D474EC-98DC-4737-BC55-92D95CD2A76F}">
      <dsp:nvSpPr>
        <dsp:cNvPr id="0" name=""/>
        <dsp:cNvSpPr/>
      </dsp:nvSpPr>
      <dsp:spPr>
        <a:xfrm>
          <a:off x="9254996" y="2351832"/>
          <a:ext cx="1260766" cy="80058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F275B9-56B8-41B6-B830-2E9E5E01E9CB}">
      <dsp:nvSpPr>
        <dsp:cNvPr id="0" name=""/>
        <dsp:cNvSpPr/>
      </dsp:nvSpPr>
      <dsp:spPr>
        <a:xfrm>
          <a:off x="9395081" y="2484913"/>
          <a:ext cx="1260766" cy="80058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b="1" kern="1200" dirty="0" smtClean="0"/>
            <a:t>Pat Coleman</a:t>
          </a:r>
          <a:r>
            <a:rPr lang="en-US" sz="1100" kern="1200" dirty="0" smtClean="0"/>
            <a:t/>
          </a:r>
          <a:br>
            <a:rPr lang="en-US" sz="1100" kern="1200" dirty="0" smtClean="0"/>
          </a:br>
          <a:r>
            <a:rPr lang="en-US" sz="1100" i="1" kern="1200" dirty="0" smtClean="0"/>
            <a:t>VP Customer Svc</a:t>
          </a:r>
          <a:endParaRPr lang="en-US" sz="1100" i="1" kern="1200" dirty="0"/>
        </a:p>
      </dsp:txBody>
      <dsp:txXfrm>
        <a:off x="9418529" y="2508361"/>
        <a:ext cx="1213870" cy="75369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FC4EBF-4C9E-4157-9DF4-BB5E784C47D7}">
      <dsp:nvSpPr>
        <dsp:cNvPr id="0" name=""/>
        <dsp:cNvSpPr/>
      </dsp:nvSpPr>
      <dsp:spPr>
        <a:xfrm>
          <a:off x="1160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0500" tIns="190500" rIns="190500" bIns="190500" numCol="1" spcCol="1270" anchor="ctr" anchorCtr="0">
          <a:noAutofit/>
        </a:bodyPr>
        <a:lstStyle/>
        <a:p>
          <a:pPr lvl="0" algn="ctr" defTabSz="2222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5000" kern="1200" dirty="0" smtClean="0"/>
            <a:t>East Coast</a:t>
          </a:r>
          <a:endParaRPr lang="en-US" sz="5000" kern="1200" dirty="0"/>
        </a:p>
      </dsp:txBody>
      <dsp:txXfrm>
        <a:off x="1160" y="0"/>
        <a:ext cx="3017246" cy="1396953"/>
      </dsp:txXfrm>
    </dsp:sp>
    <dsp:sp modelId="{E428CD33-FA68-46B3-9F64-5AE50B0A48A7}">
      <dsp:nvSpPr>
        <dsp:cNvPr id="0" name=""/>
        <dsp:cNvSpPr/>
      </dsp:nvSpPr>
      <dsp:spPr>
        <a:xfrm>
          <a:off x="302885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Philadelphia, P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Arlington, V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b="1" kern="1200" dirty="0"/>
        </a:p>
      </dsp:txBody>
      <dsp:txXfrm>
        <a:off x="373583" y="1467651"/>
        <a:ext cx="2272401" cy="2885336"/>
      </dsp:txXfrm>
    </dsp:sp>
    <dsp:sp modelId="{87088F45-863D-4158-B60A-599EE4F1EF62}">
      <dsp:nvSpPr>
        <dsp:cNvPr id="0" name=""/>
        <dsp:cNvSpPr/>
      </dsp:nvSpPr>
      <dsp:spPr>
        <a:xfrm>
          <a:off x="3244701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0500" tIns="190500" rIns="190500" bIns="190500" numCol="1" spcCol="1270" anchor="ctr" anchorCtr="0">
          <a:noAutofit/>
        </a:bodyPr>
        <a:lstStyle/>
        <a:p>
          <a:pPr lvl="0" algn="ctr" defTabSz="2222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5000" kern="1200" dirty="0" smtClean="0"/>
            <a:t>Midwest</a:t>
          </a:r>
          <a:endParaRPr lang="en-US" sz="5000" kern="1200" dirty="0"/>
        </a:p>
      </dsp:txBody>
      <dsp:txXfrm>
        <a:off x="3244701" y="0"/>
        <a:ext cx="3017246" cy="1396953"/>
      </dsp:txXfrm>
    </dsp:sp>
    <dsp:sp modelId="{8C4F88DF-20F8-4745-9426-66C191DC6822}">
      <dsp:nvSpPr>
        <dsp:cNvPr id="0" name=""/>
        <dsp:cNvSpPr/>
      </dsp:nvSpPr>
      <dsp:spPr>
        <a:xfrm>
          <a:off x="3546425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Cincinnati, OH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Detroit, MI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Columbus, OH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Milwaukee, WI</a:t>
          </a:r>
          <a:br>
            <a:rPr lang="en-US" sz="1900" b="1" kern="1200" dirty="0" smtClean="0"/>
          </a:br>
          <a:r>
            <a:rPr lang="en-US" sz="1900" b="1" kern="1200" dirty="0" smtClean="0"/>
            <a:t>Chicago, IL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Dallas, TX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Houston, TX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Tucson, AZ</a:t>
          </a:r>
        </a:p>
      </dsp:txBody>
      <dsp:txXfrm>
        <a:off x="3617123" y="1467651"/>
        <a:ext cx="2272401" cy="2885336"/>
      </dsp:txXfrm>
    </dsp:sp>
    <dsp:sp modelId="{01697534-9E0B-4C91-9DC0-60B2075B11C5}">
      <dsp:nvSpPr>
        <dsp:cNvPr id="0" name=""/>
        <dsp:cNvSpPr/>
      </dsp:nvSpPr>
      <dsp:spPr>
        <a:xfrm>
          <a:off x="6488241" y="0"/>
          <a:ext cx="3017246" cy="465651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0500" tIns="190500" rIns="190500" bIns="190500" numCol="1" spcCol="1270" anchor="ctr" anchorCtr="0">
          <a:noAutofit/>
        </a:bodyPr>
        <a:lstStyle/>
        <a:p>
          <a:pPr lvl="0" algn="ctr" defTabSz="2222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5000" kern="1200" dirty="0" smtClean="0"/>
            <a:t>West</a:t>
          </a:r>
          <a:endParaRPr lang="en-US" sz="5000" kern="1200" dirty="0"/>
        </a:p>
      </dsp:txBody>
      <dsp:txXfrm>
        <a:off x="6488241" y="0"/>
        <a:ext cx="3017246" cy="1396953"/>
      </dsp:txXfrm>
    </dsp:sp>
    <dsp:sp modelId="{7A040E14-948D-4559-992F-42A395A9AB74}">
      <dsp:nvSpPr>
        <dsp:cNvPr id="0" name=""/>
        <dsp:cNvSpPr/>
      </dsp:nvSpPr>
      <dsp:spPr>
        <a:xfrm>
          <a:off x="6789966" y="1396953"/>
          <a:ext cx="2413797" cy="302673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260" tIns="36195" rIns="48260" bIns="36195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Albuquerque, </a:t>
          </a:r>
          <a:r>
            <a:rPr lang="en-US" sz="1900" b="1" kern="1200" dirty="0" smtClean="0"/>
            <a:t>NM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Los Angeles, C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San Francisco, CA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Denver, CO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/>
            <a:t>Las Vegas, NV</a:t>
          </a:r>
          <a:endParaRPr lang="en-US" sz="1900" b="1" kern="1200" dirty="0"/>
        </a:p>
      </dsp:txBody>
      <dsp:txXfrm>
        <a:off x="6860664" y="1467651"/>
        <a:ext cx="2272401" cy="2885336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E46C12F-3E25-4D17-99C8-FB705B0F3657}">
      <dsp:nvSpPr>
        <dsp:cNvPr id="0" name=""/>
        <dsp:cNvSpPr/>
      </dsp:nvSpPr>
      <dsp:spPr>
        <a:xfrm>
          <a:off x="4753324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3938725" y="170895"/>
              </a:lnTo>
              <a:lnTo>
                <a:pt x="3938725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E0B701E-731A-4119-97E9-BE8C6970B14F}">
      <dsp:nvSpPr>
        <dsp:cNvPr id="0" name=""/>
        <dsp:cNvSpPr/>
      </dsp:nvSpPr>
      <dsp:spPr>
        <a:xfrm>
          <a:off x="4753324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0895"/>
              </a:lnTo>
              <a:lnTo>
                <a:pt x="1969362" y="170895"/>
              </a:lnTo>
              <a:lnTo>
                <a:pt x="1969362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6CB14CF-3AAB-49BF-A348-8C10128F63F4}">
      <dsp:nvSpPr>
        <dsp:cNvPr id="0" name=""/>
        <dsp:cNvSpPr/>
      </dsp:nvSpPr>
      <dsp:spPr>
        <a:xfrm>
          <a:off x="4707604" y="1569059"/>
          <a:ext cx="91440" cy="341790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9F27310-186D-41EB-B0D9-B311379F2447}">
      <dsp:nvSpPr>
        <dsp:cNvPr id="0" name=""/>
        <dsp:cNvSpPr/>
      </dsp:nvSpPr>
      <dsp:spPr>
        <a:xfrm>
          <a:off x="2783961" y="1569059"/>
          <a:ext cx="1969362" cy="341790"/>
        </a:xfrm>
        <a:custGeom>
          <a:avLst/>
          <a:gdLst/>
          <a:ahLst/>
          <a:cxnLst/>
          <a:rect l="0" t="0" r="0" b="0"/>
          <a:pathLst>
            <a:path>
              <a:moveTo>
                <a:pt x="1969362" y="0"/>
              </a:moveTo>
              <a:lnTo>
                <a:pt x="1969362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D86A04F-8E18-4C09-847D-FF6943170D74}">
      <dsp:nvSpPr>
        <dsp:cNvPr id="0" name=""/>
        <dsp:cNvSpPr/>
      </dsp:nvSpPr>
      <dsp:spPr>
        <a:xfrm>
          <a:off x="814598" y="1569059"/>
          <a:ext cx="3938725" cy="341790"/>
        </a:xfrm>
        <a:custGeom>
          <a:avLst/>
          <a:gdLst/>
          <a:ahLst/>
          <a:cxnLst/>
          <a:rect l="0" t="0" r="0" b="0"/>
          <a:pathLst>
            <a:path>
              <a:moveTo>
                <a:pt x="3938725" y="0"/>
              </a:moveTo>
              <a:lnTo>
                <a:pt x="3938725" y="170895"/>
              </a:lnTo>
              <a:lnTo>
                <a:pt x="0" y="170895"/>
              </a:lnTo>
              <a:lnTo>
                <a:pt x="0" y="341790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4F9536A-212F-4EE6-8E36-1F7330E5587D}">
      <dsp:nvSpPr>
        <dsp:cNvPr id="0" name=""/>
        <dsp:cNvSpPr/>
      </dsp:nvSpPr>
      <dsp:spPr>
        <a:xfrm>
          <a:off x="3939538" y="755273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err="1" smtClean="0"/>
            <a:t>Roney</a:t>
          </a:r>
          <a:r>
            <a:rPr lang="en-US" sz="1800" kern="1200" dirty="0" smtClean="0"/>
            <a:t> </a:t>
          </a:r>
          <a:r>
            <a:rPr lang="en-US" sz="1800" kern="1200" dirty="0" err="1" smtClean="0"/>
            <a:t>Whonshevins</a:t>
          </a:r>
          <a:r>
            <a:rPr lang="en-US" sz="1800" kern="1200" dirty="0" smtClean="0"/>
            <a:t> Project Lead</a:t>
          </a:r>
          <a:endParaRPr lang="en-US" sz="1800" kern="1200" dirty="0"/>
        </a:p>
      </dsp:txBody>
      <dsp:txXfrm>
        <a:off x="3939538" y="755273"/>
        <a:ext cx="1627572" cy="813786"/>
      </dsp:txXfrm>
    </dsp:sp>
    <dsp:sp modelId="{7174A553-29A2-4360-80CF-40A80BE1E5E1}">
      <dsp:nvSpPr>
        <dsp:cNvPr id="0" name=""/>
        <dsp:cNvSpPr/>
      </dsp:nvSpPr>
      <dsp:spPr>
        <a:xfrm>
          <a:off x="812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Jacob Wagner Software Developer</a:t>
          </a:r>
          <a:endParaRPr lang="en-US" sz="1800" kern="1200" dirty="0"/>
        </a:p>
      </dsp:txBody>
      <dsp:txXfrm>
        <a:off x="812" y="1910850"/>
        <a:ext cx="1627572" cy="813786"/>
      </dsp:txXfrm>
    </dsp:sp>
    <dsp:sp modelId="{08335018-97AA-460E-A117-81DBA3DD3BA6}">
      <dsp:nvSpPr>
        <dsp:cNvPr id="0" name=""/>
        <dsp:cNvSpPr/>
      </dsp:nvSpPr>
      <dsp:spPr>
        <a:xfrm>
          <a:off x="1970175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Adan </a:t>
          </a:r>
          <a:r>
            <a:rPr lang="en-US" sz="1800" kern="1200" dirty="0" err="1" smtClean="0"/>
            <a:t>Maxamed</a:t>
          </a:r>
          <a:r>
            <a:rPr lang="en-US" sz="1800" kern="1200" dirty="0" smtClean="0"/>
            <a:t> Software Developer</a:t>
          </a:r>
          <a:endParaRPr lang="en-US" sz="1800" kern="1200" dirty="0"/>
        </a:p>
      </dsp:txBody>
      <dsp:txXfrm>
        <a:off x="1970175" y="1910850"/>
        <a:ext cx="1627572" cy="813786"/>
      </dsp:txXfrm>
    </dsp:sp>
    <dsp:sp modelId="{57DA3771-BFCF-450F-AC08-0C13953670E4}">
      <dsp:nvSpPr>
        <dsp:cNvPr id="0" name=""/>
        <dsp:cNvSpPr/>
      </dsp:nvSpPr>
      <dsp:spPr>
        <a:xfrm>
          <a:off x="3939538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James Leahy Web Developer</a:t>
          </a:r>
          <a:endParaRPr lang="en-US" sz="1800" kern="1200" dirty="0"/>
        </a:p>
      </dsp:txBody>
      <dsp:txXfrm>
        <a:off x="3939538" y="1910850"/>
        <a:ext cx="1627572" cy="813786"/>
      </dsp:txXfrm>
    </dsp:sp>
    <dsp:sp modelId="{95F76DE9-F993-4C08-8EB9-2BBE7C2B73FA}">
      <dsp:nvSpPr>
        <dsp:cNvPr id="0" name=""/>
        <dsp:cNvSpPr/>
      </dsp:nvSpPr>
      <dsp:spPr>
        <a:xfrm>
          <a:off x="5908901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Guy </a:t>
          </a:r>
          <a:r>
            <a:rPr lang="en-US" sz="1800" kern="1200" dirty="0" err="1" smtClean="0"/>
            <a:t>Banaga</a:t>
          </a:r>
          <a:r>
            <a:rPr lang="en-US" sz="1800" kern="1200" dirty="0" smtClean="0"/>
            <a:t> Network Engineer</a:t>
          </a:r>
          <a:endParaRPr lang="en-US" sz="1800" kern="1200" dirty="0"/>
        </a:p>
      </dsp:txBody>
      <dsp:txXfrm>
        <a:off x="5908901" y="1910850"/>
        <a:ext cx="1627572" cy="813786"/>
      </dsp:txXfrm>
    </dsp:sp>
    <dsp:sp modelId="{931BDEED-7C24-44A9-8AA6-DFC70DC799DC}">
      <dsp:nvSpPr>
        <dsp:cNvPr id="0" name=""/>
        <dsp:cNvSpPr/>
      </dsp:nvSpPr>
      <dsp:spPr>
        <a:xfrm>
          <a:off x="7878264" y="1910850"/>
          <a:ext cx="1627572" cy="813786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Andrew Butts Network Engineer</a:t>
          </a:r>
          <a:endParaRPr lang="en-US" sz="1800" kern="1200" dirty="0"/>
        </a:p>
      </dsp:txBody>
      <dsp:txXfrm>
        <a:off x="7878264" y="1910850"/>
        <a:ext cx="1627572" cy="8137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E5B4EDC-59C0-49C7-8ADA-5A781B329E02}" type="datetimeFigureOut">
              <a:rPr lang="en-US"/>
              <a:t>9/14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429053-DC2A-4342-ADD4-2FD729D91E2C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320457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D8D46A-B586-417D-BFBD-8C8FE0AAF762}" type="datetimeFigureOut">
              <a:rPr lang="en-US"/>
              <a:t>9/14/2016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BA5BD7-F043-4D1B-AA17-CD412FC534DE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67057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FB667E1-E601-4AAF-B95C-B25720D70A60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1061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diagonals"/>
          <p:cNvGrpSpPr/>
          <p:nvPr/>
        </p:nvGrpSpPr>
        <p:grpSpPr>
          <a:xfrm>
            <a:off x="7516443" y="4145281"/>
            <a:ext cx="4686117" cy="2731407"/>
            <a:chOff x="5638800" y="3108960"/>
            <a:chExt cx="3515503" cy="2048555"/>
          </a:xfrm>
        </p:grpSpPr>
        <p:cxnSp>
          <p:nvCxnSpPr>
            <p:cNvPr id="14" name="Straight Connector 13"/>
            <p:cNvCxnSpPr/>
            <p:nvPr/>
          </p:nvCxnSpPr>
          <p:spPr>
            <a:xfrm flipV="1">
              <a:off x="5638800" y="3108960"/>
              <a:ext cx="3515503" cy="2037116"/>
            </a:xfrm>
            <a:prstGeom prst="line">
              <a:avLst/>
            </a:pr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7" name="Straight Connector 16"/>
            <p:cNvCxnSpPr/>
            <p:nvPr/>
          </p:nvCxnSpPr>
          <p:spPr>
            <a:xfrm flipV="1">
              <a:off x="6004643" y="3333750"/>
              <a:ext cx="3149660" cy="1823765"/>
            </a:xfrm>
            <a:prstGeom prst="line">
              <a:avLst/>
            </a:pr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9" name="Straight Connector 18"/>
            <p:cNvCxnSpPr/>
            <p:nvPr/>
          </p:nvCxnSpPr>
          <p:spPr>
            <a:xfrm flipV="1">
              <a:off x="6388342" y="3549891"/>
              <a:ext cx="2765961" cy="1600149"/>
            </a:xfrm>
            <a:prstGeom prst="line">
              <a:avLst/>
            </a:pr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</p:grpSp>
      <p:grpSp>
        <p:nvGrpSpPr>
          <p:cNvPr id="12" name="bottom lines"/>
          <p:cNvGrpSpPr/>
          <p:nvPr/>
        </p:nvGrpSpPr>
        <p:grpSpPr>
          <a:xfrm>
            <a:off x="-8916" y="6057149"/>
            <a:ext cx="5498726" cy="820207"/>
            <a:chOff x="-6689" y="4553748"/>
            <a:chExt cx="4125119" cy="615155"/>
          </a:xfrm>
        </p:grpSpPr>
        <p:sp>
          <p:nvSpPr>
            <p:cNvPr id="9" name="Freeform 8"/>
            <p:cNvSpPr/>
            <p:nvPr/>
          </p:nvSpPr>
          <p:spPr>
            <a:xfrm rot="16200000">
              <a:off x="1754302" y="2802395"/>
              <a:ext cx="612775" cy="411548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4115481 h 4115481"/>
                <a:gd name="connsiteX1" fmla="*/ 612775 w 612775"/>
                <a:gd name="connsiteY1" fmla="*/ 3180443 h 4115481"/>
                <a:gd name="connsiteX2" fmla="*/ 612775 w 612775"/>
                <a:gd name="connsiteY2" fmla="*/ 0 h 41154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12775" h="4115481">
                  <a:moveTo>
                    <a:pt x="0" y="4115481"/>
                  </a:moveTo>
                  <a:lnTo>
                    <a:pt x="612775" y="3180443"/>
                  </a:lnTo>
                  <a:lnTo>
                    <a:pt x="612775" y="0"/>
                  </a:lnTo>
                </a:path>
              </a:pathLst>
            </a:cu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  <p:sp>
          <p:nvSpPr>
            <p:cNvPr id="10" name="Freeform 9"/>
            <p:cNvSpPr/>
            <p:nvPr/>
          </p:nvSpPr>
          <p:spPr>
            <a:xfrm rot="16200000">
              <a:off x="1604659" y="3152814"/>
              <a:ext cx="410751" cy="3621427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202024 w 612775"/>
                <a:gd name="connsiteY1" fmla="*/ 3607676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10751 w 410751"/>
                <a:gd name="connsiteY2" fmla="*/ 0 h 3607676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09575 w 410751"/>
                <a:gd name="connsiteY2" fmla="*/ 185820 h 3607676"/>
                <a:gd name="connsiteX3" fmla="*/ 410751 w 410751"/>
                <a:gd name="connsiteY3" fmla="*/ 0 h 3607676"/>
                <a:gd name="connsiteX0" fmla="*/ 0 w 410751"/>
                <a:gd name="connsiteY0" fmla="*/ 3421856 h 3421856"/>
                <a:gd name="connsiteX1" fmla="*/ 410751 w 410751"/>
                <a:gd name="connsiteY1" fmla="*/ 2798680 h 3421856"/>
                <a:gd name="connsiteX2" fmla="*/ 409575 w 410751"/>
                <a:gd name="connsiteY2" fmla="*/ 0 h 3421856"/>
                <a:gd name="connsiteX0" fmla="*/ 0 w 410751"/>
                <a:gd name="connsiteY0" fmla="*/ 3614170 h 3614170"/>
                <a:gd name="connsiteX1" fmla="*/ 410751 w 410751"/>
                <a:gd name="connsiteY1" fmla="*/ 2990994 h 3614170"/>
                <a:gd name="connsiteX2" fmla="*/ 405947 w 410751"/>
                <a:gd name="connsiteY2" fmla="*/ 0 h 3614170"/>
                <a:gd name="connsiteX0" fmla="*/ 0 w 410751"/>
                <a:gd name="connsiteY0" fmla="*/ 3621427 h 3621427"/>
                <a:gd name="connsiteX1" fmla="*/ 410751 w 410751"/>
                <a:gd name="connsiteY1" fmla="*/ 2998251 h 3621427"/>
                <a:gd name="connsiteX2" fmla="*/ 405947 w 410751"/>
                <a:gd name="connsiteY2" fmla="*/ 0 h 36214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10751" h="3621427">
                  <a:moveTo>
                    <a:pt x="0" y="3621427"/>
                  </a:moveTo>
                  <a:lnTo>
                    <a:pt x="410751" y="2998251"/>
                  </a:lnTo>
                  <a:cubicBezTo>
                    <a:pt x="410359" y="2065358"/>
                    <a:pt x="406339" y="932893"/>
                    <a:pt x="405947" y="0"/>
                  </a:cubicBezTo>
                </a:path>
              </a:pathLst>
            </a:cu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  <p:sp>
          <p:nvSpPr>
            <p:cNvPr id="11" name="Freeform 10"/>
            <p:cNvSpPr/>
            <p:nvPr/>
          </p:nvSpPr>
          <p:spPr>
            <a:xfrm rot="16200000">
              <a:off x="1462308" y="3453376"/>
              <a:ext cx="241768" cy="317976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373856 w 612775"/>
                <a:gd name="connsiteY1" fmla="*/ 3344891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919 w 238919"/>
                <a:gd name="connsiteY2" fmla="*/ 0 h 3344891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125 w 238919"/>
                <a:gd name="connsiteY2" fmla="*/ 368330 h 3344891"/>
                <a:gd name="connsiteX3" fmla="*/ 238919 w 238919"/>
                <a:gd name="connsiteY3" fmla="*/ 0 h 3344891"/>
                <a:gd name="connsiteX0" fmla="*/ 0 w 238919"/>
                <a:gd name="connsiteY0" fmla="*/ 2976561 h 2976561"/>
                <a:gd name="connsiteX1" fmla="*/ 238919 w 238919"/>
                <a:gd name="connsiteY1" fmla="*/ 2616170 h 2976561"/>
                <a:gd name="connsiteX2" fmla="*/ 238125 w 238919"/>
                <a:gd name="connsiteY2" fmla="*/ 0 h 2976561"/>
                <a:gd name="connsiteX0" fmla="*/ 0 w 241768"/>
                <a:gd name="connsiteY0" fmla="*/ 3179761 h 3179761"/>
                <a:gd name="connsiteX1" fmla="*/ 238919 w 241768"/>
                <a:gd name="connsiteY1" fmla="*/ 2819370 h 3179761"/>
                <a:gd name="connsiteX2" fmla="*/ 241754 w 241768"/>
                <a:gd name="connsiteY2" fmla="*/ 0 h 31797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41768" h="3179761">
                  <a:moveTo>
                    <a:pt x="0" y="3179761"/>
                  </a:moveTo>
                  <a:lnTo>
                    <a:pt x="238919" y="2819370"/>
                  </a:lnTo>
                  <a:cubicBezTo>
                    <a:pt x="238654" y="1947313"/>
                    <a:pt x="242019" y="872057"/>
                    <a:pt x="241754" y="0"/>
                  </a:cubicBezTo>
                </a:path>
              </a:pathLst>
            </a:cu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25176" y="584200"/>
            <a:ext cx="8735325" cy="2000251"/>
          </a:xfrm>
        </p:spPr>
        <p:txBody>
          <a:bodyPr>
            <a:normAutofit/>
          </a:bodyPr>
          <a:lstStyle>
            <a:lvl1pPr>
              <a:defRPr sz="540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25176" y="2616200"/>
            <a:ext cx="8735325" cy="1752600"/>
          </a:xfrm>
        </p:spPr>
        <p:txBody>
          <a:bodyPr>
            <a:normAutofit/>
          </a:bodyPr>
          <a:lstStyle>
            <a:lvl1pPr marL="0" indent="0" algn="l">
              <a:spcBef>
                <a:spcPts val="0"/>
              </a:spcBef>
              <a:buNone/>
              <a:defRPr sz="2800" cap="all" spc="200" baseline="0">
                <a:solidFill>
                  <a:schemeClr val="accent1"/>
                </a:solidFill>
              </a:defRPr>
            </a:lvl1pPr>
            <a:lvl2pPr marL="6094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9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4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97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4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4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  <p:sp>
        <p:nvSpPr>
          <p:cNvPr id="22" name="Date Placeholder 2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23" name="Footer Placeholder 2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24" name="Slide Number Placeholder 2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84748859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 baseline="0"/>
            </a:lvl8pPr>
            <a:lvl9pPr>
              <a:defRPr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99667516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6898" y="584200"/>
            <a:ext cx="2742486" cy="55880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218882" y="584200"/>
            <a:ext cx="7414869" cy="5588000"/>
          </a:xfrm>
        </p:spPr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9588648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0676901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diagonals"/>
          <p:cNvGrpSpPr/>
          <p:nvPr/>
        </p:nvGrpSpPr>
        <p:grpSpPr>
          <a:xfrm>
            <a:off x="7516443" y="4145281"/>
            <a:ext cx="4686117" cy="2731407"/>
            <a:chOff x="5638800" y="3108960"/>
            <a:chExt cx="3515503" cy="2048555"/>
          </a:xfrm>
        </p:grpSpPr>
        <p:cxnSp>
          <p:nvCxnSpPr>
            <p:cNvPr id="12" name="Straight Connector 11"/>
            <p:cNvCxnSpPr/>
            <p:nvPr/>
          </p:nvCxnSpPr>
          <p:spPr>
            <a:xfrm flipV="1">
              <a:off x="5638800" y="3108960"/>
              <a:ext cx="3515503" cy="2037116"/>
            </a:xfrm>
            <a:prstGeom prst="line">
              <a:avLst/>
            </a:pr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3" name="Straight Connector 12"/>
            <p:cNvCxnSpPr/>
            <p:nvPr/>
          </p:nvCxnSpPr>
          <p:spPr>
            <a:xfrm flipV="1">
              <a:off x="6004643" y="3333750"/>
              <a:ext cx="3149660" cy="1823765"/>
            </a:xfrm>
            <a:prstGeom prst="line">
              <a:avLst/>
            </a:pr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14" name="Straight Connector 13"/>
            <p:cNvCxnSpPr/>
            <p:nvPr/>
          </p:nvCxnSpPr>
          <p:spPr>
            <a:xfrm flipV="1">
              <a:off x="6388342" y="3549891"/>
              <a:ext cx="2765961" cy="1600149"/>
            </a:xfrm>
            <a:prstGeom prst="line">
              <a:avLst/>
            </a:pr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25177" y="2209801"/>
            <a:ext cx="8938472" cy="2764335"/>
          </a:xfrm>
        </p:spPr>
        <p:txBody>
          <a:bodyPr anchor="b">
            <a:normAutofit/>
          </a:bodyPr>
          <a:lstStyle>
            <a:lvl1pPr algn="l">
              <a:defRPr sz="5400" b="0" cap="none" baseline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25176" y="4951266"/>
            <a:ext cx="7069519" cy="1220933"/>
          </a:xfr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buNone/>
              <a:defRPr sz="280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8987" indent="0">
              <a:buNone/>
              <a:defRPr sz="2100">
                <a:solidFill>
                  <a:schemeClr val="tx1">
                    <a:tint val="75000"/>
                  </a:schemeClr>
                </a:solidFill>
              </a:defRPr>
            </a:lvl3pPr>
            <a:lvl4pPr marL="182848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4pPr>
            <a:lvl5pPr marL="243797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5pPr>
            <a:lvl6pPr marL="304746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6pPr>
            <a:lvl7pPr marL="365696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7pPr>
            <a:lvl8pPr marL="4266453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8pPr>
            <a:lvl9pPr marL="4875947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61633061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18883" y="1706880"/>
            <a:ext cx="5078677" cy="446532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707" y="1706880"/>
            <a:ext cx="5078677" cy="446532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55764774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8883" y="1701800"/>
            <a:ext cx="5082740" cy="91440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800" b="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18883" y="2717800"/>
            <a:ext cx="5078677" cy="3454400"/>
          </a:xfrm>
        </p:spPr>
        <p:txBody>
          <a:bodyPr>
            <a:no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 baseline="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96644" y="1701800"/>
            <a:ext cx="5082740" cy="91440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800" b="0" cap="all" spc="200" baseline="0">
                <a:solidFill>
                  <a:schemeClr val="accent1"/>
                </a:solidFill>
              </a:defRPr>
            </a:lvl1pPr>
            <a:lvl2pPr marL="609493" indent="0">
              <a:buNone/>
              <a:defRPr sz="2700" b="1"/>
            </a:lvl2pPr>
            <a:lvl3pPr marL="1218987" indent="0">
              <a:buNone/>
              <a:defRPr sz="2400" b="1"/>
            </a:lvl3pPr>
            <a:lvl4pPr marL="1828480" indent="0">
              <a:buNone/>
              <a:defRPr sz="2100" b="1"/>
            </a:lvl4pPr>
            <a:lvl5pPr marL="2437973" indent="0">
              <a:buNone/>
              <a:defRPr sz="2100" b="1"/>
            </a:lvl5pPr>
            <a:lvl6pPr marL="3047467" indent="0">
              <a:buNone/>
              <a:defRPr sz="2100" b="1"/>
            </a:lvl6pPr>
            <a:lvl7pPr marL="3656960" indent="0">
              <a:buNone/>
              <a:defRPr sz="2100" b="1"/>
            </a:lvl7pPr>
            <a:lvl8pPr marL="4266453" indent="0">
              <a:buNone/>
              <a:defRPr sz="2100" b="1"/>
            </a:lvl8pPr>
            <a:lvl9pPr marL="4875947" indent="0">
              <a:buNone/>
              <a:defRPr sz="21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00707" y="2717800"/>
            <a:ext cx="5078677" cy="3454400"/>
          </a:xfrm>
        </p:spPr>
        <p:txBody>
          <a:bodyPr>
            <a:no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 baseline="0"/>
            </a:lvl6pPr>
            <a:lvl7pPr>
              <a:defRPr sz="2000" baseline="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59538191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51522919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17247850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8882" y="1701800"/>
            <a:ext cx="4062942" cy="2438400"/>
          </a:xfrm>
        </p:spPr>
        <p:txBody>
          <a:bodyPr anchor="b">
            <a:normAutofit/>
          </a:bodyPr>
          <a:lstStyle>
            <a:lvl1pPr algn="l">
              <a:defRPr sz="2800" b="0" cap="all" spc="200" baseline="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18882" y="4241800"/>
            <a:ext cx="4062942" cy="193040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4971" y="584200"/>
            <a:ext cx="6094413" cy="5588000"/>
          </a:xfrm>
        </p:spPr>
        <p:txBody>
          <a:bodyPr>
            <a:normAutofit/>
          </a:bodyPr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 baseline="0"/>
            </a:lvl8pPr>
            <a:lvl9pPr>
              <a:defRPr sz="2000" baseline="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61813935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8882" y="1701800"/>
            <a:ext cx="4062942" cy="2438400"/>
          </a:xfrm>
        </p:spPr>
        <p:txBody>
          <a:bodyPr anchor="b">
            <a:normAutofit/>
          </a:bodyPr>
          <a:lstStyle>
            <a:lvl1pPr algn="l">
              <a:defRPr sz="2800" b="0" cap="all" spc="200" baseline="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218882" y="4241800"/>
            <a:ext cx="4062942" cy="193040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609493" indent="0">
              <a:buNone/>
              <a:defRPr sz="1600"/>
            </a:lvl2pPr>
            <a:lvl3pPr marL="1218987" indent="0">
              <a:buNone/>
              <a:defRPr sz="1300"/>
            </a:lvl3pPr>
            <a:lvl4pPr marL="1828480" indent="0">
              <a:buNone/>
              <a:defRPr sz="1200"/>
            </a:lvl4pPr>
            <a:lvl5pPr marL="2437973" indent="0">
              <a:buNone/>
              <a:defRPr sz="1200"/>
            </a:lvl5pPr>
            <a:lvl6pPr marL="3047467" indent="0">
              <a:buNone/>
              <a:defRPr sz="1200"/>
            </a:lvl6pPr>
            <a:lvl7pPr marL="3656960" indent="0">
              <a:buNone/>
              <a:defRPr sz="1200"/>
            </a:lvl7pPr>
            <a:lvl8pPr marL="4266453" indent="0">
              <a:buNone/>
              <a:defRPr sz="1200"/>
            </a:lvl8pPr>
            <a:lvl9pPr marL="4875947" indent="0">
              <a:buNone/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 descr="An empty placeholder to add an image. Click on the placeholder and select the image that you wish to add."/>
          <p:cNvSpPr>
            <a:spLocks noGrp="1"/>
          </p:cNvSpPr>
          <p:nvPr>
            <p:ph type="pic" idx="1"/>
          </p:nvPr>
        </p:nvSpPr>
        <p:spPr>
          <a:xfrm>
            <a:off x="5484971" y="584200"/>
            <a:ext cx="6094413" cy="5588000"/>
          </a:xfrm>
          <a:ln w="12700">
            <a:solidFill>
              <a:schemeClr val="bg1">
                <a:lumMod val="75000"/>
                <a:lumOff val="25000"/>
              </a:schemeClr>
            </a:solidFill>
            <a:miter lim="800000"/>
          </a:ln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609493" indent="0">
              <a:buNone/>
              <a:defRPr sz="3700"/>
            </a:lvl2pPr>
            <a:lvl3pPr marL="1218987" indent="0">
              <a:buNone/>
              <a:defRPr sz="3200"/>
            </a:lvl3pPr>
            <a:lvl4pPr marL="1828480" indent="0">
              <a:buNone/>
              <a:defRPr sz="2700"/>
            </a:lvl4pPr>
            <a:lvl5pPr marL="2437973" indent="0">
              <a:buNone/>
              <a:defRPr sz="2700"/>
            </a:lvl5pPr>
            <a:lvl6pPr marL="3047467" indent="0">
              <a:buNone/>
              <a:defRPr sz="2700"/>
            </a:lvl6pPr>
            <a:lvl7pPr marL="3656960" indent="0">
              <a:buNone/>
              <a:defRPr sz="2700"/>
            </a:lvl7pPr>
            <a:lvl8pPr marL="4266453" indent="0">
              <a:buNone/>
              <a:defRPr sz="2700"/>
            </a:lvl8pPr>
            <a:lvl9pPr marL="4875947" indent="0">
              <a:buNone/>
              <a:defRPr sz="2700"/>
            </a:lvl9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/>
              <a:t>9/14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2343164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2">
                <a:tint val="100000"/>
                <a:shade val="0"/>
                <a:satMod val="100000"/>
              </a:schemeClr>
            </a:gs>
            <a:gs pos="43000">
              <a:schemeClr val="bg2">
                <a:tint val="100000"/>
                <a:shade val="30000"/>
                <a:satMod val="100000"/>
              </a:schemeClr>
            </a:gs>
            <a:gs pos="100000">
              <a:schemeClr val="bg2">
                <a:shade val="60000"/>
                <a:satMod val="100000"/>
              </a:schemeClr>
            </a:gs>
          </a:gsLst>
          <a:lin ang="36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left lines"/>
          <p:cNvGrpSpPr/>
          <p:nvPr/>
        </p:nvGrpSpPr>
        <p:grpSpPr>
          <a:xfrm>
            <a:off x="-15870" y="-3174"/>
            <a:ext cx="819993" cy="5229225"/>
            <a:chOff x="-11906" y="-2381"/>
            <a:chExt cx="615155" cy="3921919"/>
          </a:xfrm>
        </p:grpSpPr>
        <p:sp>
          <p:nvSpPr>
            <p:cNvPr id="10" name="Freeform 9"/>
            <p:cNvSpPr/>
            <p:nvPr/>
          </p:nvSpPr>
          <p:spPr>
            <a:xfrm>
              <a:off x="-9526" y="0"/>
              <a:ext cx="612775" cy="3919538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12775" h="3919538">
                  <a:moveTo>
                    <a:pt x="0" y="3919538"/>
                  </a:moveTo>
                  <a:lnTo>
                    <a:pt x="612775" y="2984500"/>
                  </a:lnTo>
                  <a:lnTo>
                    <a:pt x="612775" y="0"/>
                  </a:lnTo>
                </a:path>
              </a:pathLst>
            </a:custGeom>
            <a:noFill/>
            <a:ln w="38100">
              <a:gradFill>
                <a:gsLst>
                  <a:gs pos="50000">
                    <a:schemeClr val="accent1">
                      <a:lumMod val="75000"/>
                    </a:schemeClr>
                  </a:gs>
                  <a:gs pos="0">
                    <a:schemeClr val="accent1"/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1" name="Freeform 10"/>
            <p:cNvSpPr/>
            <p:nvPr/>
          </p:nvSpPr>
          <p:spPr>
            <a:xfrm>
              <a:off x="-11906" y="0"/>
              <a:ext cx="410751" cy="3421856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202024 w 612775"/>
                <a:gd name="connsiteY1" fmla="*/ 3607676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10751 w 410751"/>
                <a:gd name="connsiteY2" fmla="*/ 0 h 3607676"/>
                <a:gd name="connsiteX0" fmla="*/ 0 w 410751"/>
                <a:gd name="connsiteY0" fmla="*/ 3607676 h 3607676"/>
                <a:gd name="connsiteX1" fmla="*/ 410751 w 410751"/>
                <a:gd name="connsiteY1" fmla="*/ 2984500 h 3607676"/>
                <a:gd name="connsiteX2" fmla="*/ 409575 w 410751"/>
                <a:gd name="connsiteY2" fmla="*/ 185820 h 3607676"/>
                <a:gd name="connsiteX3" fmla="*/ 410751 w 410751"/>
                <a:gd name="connsiteY3" fmla="*/ 0 h 3607676"/>
                <a:gd name="connsiteX0" fmla="*/ 0 w 410751"/>
                <a:gd name="connsiteY0" fmla="*/ 3421856 h 3421856"/>
                <a:gd name="connsiteX1" fmla="*/ 410751 w 410751"/>
                <a:gd name="connsiteY1" fmla="*/ 2798680 h 3421856"/>
                <a:gd name="connsiteX2" fmla="*/ 409575 w 410751"/>
                <a:gd name="connsiteY2" fmla="*/ 0 h 34218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10751" h="3421856">
                  <a:moveTo>
                    <a:pt x="0" y="3421856"/>
                  </a:moveTo>
                  <a:lnTo>
                    <a:pt x="410751" y="2798680"/>
                  </a:lnTo>
                  <a:lnTo>
                    <a:pt x="409575" y="0"/>
                  </a:lnTo>
                </a:path>
              </a:pathLst>
            </a:custGeom>
            <a:noFill/>
            <a:ln w="28575">
              <a:gradFill>
                <a:gsLst>
                  <a:gs pos="0">
                    <a:schemeClr val="accent1">
                      <a:lumMod val="75000"/>
                    </a:schemeClr>
                  </a:gs>
                  <a:gs pos="50000">
                    <a:schemeClr val="accent1">
                      <a:lumMod val="75000"/>
                    </a:schemeClr>
                  </a:gs>
                  <a:gs pos="100000">
                    <a:schemeClr val="accent1"/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4" name="Freeform 13"/>
            <p:cNvSpPr/>
            <p:nvPr/>
          </p:nvSpPr>
          <p:spPr>
            <a:xfrm>
              <a:off x="-7144" y="-2381"/>
              <a:ext cx="238919" cy="2976561"/>
            </a:xfrm>
            <a:custGeom>
              <a:avLst/>
              <a:gdLst>
                <a:gd name="connsiteX0" fmla="*/ 0 w 603250"/>
                <a:gd name="connsiteY0" fmla="*/ 3905250 h 3905250"/>
                <a:gd name="connsiteX1" fmla="*/ 603250 w 603250"/>
                <a:gd name="connsiteY1" fmla="*/ 2984500 h 3905250"/>
                <a:gd name="connsiteX2" fmla="*/ 603250 w 603250"/>
                <a:gd name="connsiteY2" fmla="*/ 0 h 3905250"/>
                <a:gd name="connsiteX0" fmla="*/ 0 w 612775"/>
                <a:gd name="connsiteY0" fmla="*/ 3919538 h 3919538"/>
                <a:gd name="connsiteX1" fmla="*/ 612775 w 612775"/>
                <a:gd name="connsiteY1" fmla="*/ 2984500 h 3919538"/>
                <a:gd name="connsiteX2" fmla="*/ 612775 w 612775"/>
                <a:gd name="connsiteY2" fmla="*/ 0 h 3919538"/>
                <a:gd name="connsiteX0" fmla="*/ 0 w 612775"/>
                <a:gd name="connsiteY0" fmla="*/ 3919538 h 3919538"/>
                <a:gd name="connsiteX1" fmla="*/ 373856 w 612775"/>
                <a:gd name="connsiteY1" fmla="*/ 3344891 h 3919538"/>
                <a:gd name="connsiteX2" fmla="*/ 612775 w 612775"/>
                <a:gd name="connsiteY2" fmla="*/ 2984500 h 3919538"/>
                <a:gd name="connsiteX3" fmla="*/ 612775 w 612775"/>
                <a:gd name="connsiteY3" fmla="*/ 0 h 3919538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919 w 238919"/>
                <a:gd name="connsiteY2" fmla="*/ 0 h 3344891"/>
                <a:gd name="connsiteX0" fmla="*/ 0 w 238919"/>
                <a:gd name="connsiteY0" fmla="*/ 3344891 h 3344891"/>
                <a:gd name="connsiteX1" fmla="*/ 238919 w 238919"/>
                <a:gd name="connsiteY1" fmla="*/ 2984500 h 3344891"/>
                <a:gd name="connsiteX2" fmla="*/ 238125 w 238919"/>
                <a:gd name="connsiteY2" fmla="*/ 368330 h 3344891"/>
                <a:gd name="connsiteX3" fmla="*/ 238919 w 238919"/>
                <a:gd name="connsiteY3" fmla="*/ 0 h 3344891"/>
                <a:gd name="connsiteX0" fmla="*/ 0 w 238919"/>
                <a:gd name="connsiteY0" fmla="*/ 2976561 h 2976561"/>
                <a:gd name="connsiteX1" fmla="*/ 238919 w 238919"/>
                <a:gd name="connsiteY1" fmla="*/ 2616170 h 2976561"/>
                <a:gd name="connsiteX2" fmla="*/ 238125 w 238919"/>
                <a:gd name="connsiteY2" fmla="*/ 0 h 29765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38919" h="2976561">
                  <a:moveTo>
                    <a:pt x="0" y="2976561"/>
                  </a:moveTo>
                  <a:lnTo>
                    <a:pt x="238919" y="2616170"/>
                  </a:lnTo>
                  <a:cubicBezTo>
                    <a:pt x="238654" y="1744113"/>
                    <a:pt x="238390" y="872057"/>
                    <a:pt x="238125" y="0"/>
                  </a:cubicBezTo>
                </a:path>
              </a:pathLst>
            </a:custGeom>
            <a:noFill/>
            <a:ln w="25400">
              <a:gradFill>
                <a:gsLst>
                  <a:gs pos="0">
                    <a:schemeClr val="accent1">
                      <a:lumMod val="50000"/>
                    </a:schemeClr>
                  </a:gs>
                  <a:gs pos="100000">
                    <a:schemeClr val="accent1">
                      <a:lumMod val="75000"/>
                    </a:schemeClr>
                  </a:gs>
                </a:gsLst>
                <a:lin ang="5400000" scaled="0"/>
              </a:gra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18883" y="274637"/>
            <a:ext cx="10360501" cy="1223963"/>
          </a:xfrm>
          <a:prstGeom prst="rect">
            <a:avLst/>
          </a:prstGeom>
        </p:spPr>
        <p:txBody>
          <a:bodyPr vert="horz" lIns="121899" tIns="60949" rIns="121899" bIns="60949" rtlCol="0" anchor="b">
            <a:normAutofit/>
          </a:bodyPr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8883" y="1701797"/>
            <a:ext cx="10360501" cy="4462272"/>
          </a:xfrm>
          <a:prstGeom prst="rect">
            <a:avLst/>
          </a:prstGeom>
        </p:spPr>
        <p:txBody>
          <a:bodyPr vert="horz" lIns="121899" tIns="60949" rIns="121899" bIns="60949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18882" y="6356352"/>
            <a:ext cx="2234618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0DFD029-FB74-4578-B929-F66AA97659CA}" type="datetimeFigureOut">
              <a:rPr lang="en-US"/>
              <a:pPr/>
              <a:t>9/14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453501" y="6356352"/>
            <a:ext cx="5281824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63649" y="6356352"/>
            <a:ext cx="1015735" cy="365125"/>
          </a:xfrm>
          <a:prstGeom prst="rect">
            <a:avLst/>
          </a:prstGeom>
        </p:spPr>
        <p:txBody>
          <a:bodyPr vert="horz" lIns="121899" tIns="60949" rIns="121899" bIns="60949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14DD1E-5D91-48A3-AD6D-45FBA980D106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395275884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xStyles>
    <p:titleStyle>
      <a:lvl1pPr algn="l" defTabSz="1218987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04747" indent="-304747" algn="l" defTabSz="1218987" rtl="0" eaLnBrk="1" latinLnBrk="0" hangingPunct="1">
        <a:lnSpc>
          <a:spcPct val="90000"/>
        </a:lnSpc>
        <a:spcBef>
          <a:spcPts val="1600"/>
        </a:spcBef>
        <a:buClr>
          <a:schemeClr val="accent1"/>
        </a:buClr>
        <a:buSzPct val="100000"/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9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91424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218987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52373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2848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133227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2437973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742720" indent="-231607" algn="l" defTabSz="1218987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80000"/>
        <a:buFont typeface="Arial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49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898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48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797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46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6960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453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5947" algn="l" defTabSz="1218987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3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29.xml"/><Relationship Id="rId21" Type="http://schemas.openxmlformats.org/officeDocument/2006/relationships/tags" Target="../tags/tag124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63" Type="http://schemas.openxmlformats.org/officeDocument/2006/relationships/tags" Target="../tags/tag166.xml"/><Relationship Id="rId68" Type="http://schemas.openxmlformats.org/officeDocument/2006/relationships/tags" Target="../tags/tag171.xml"/><Relationship Id="rId84" Type="http://schemas.openxmlformats.org/officeDocument/2006/relationships/tags" Target="../tags/tag187.xml"/><Relationship Id="rId89" Type="http://schemas.openxmlformats.org/officeDocument/2006/relationships/tags" Target="../tags/tag192.xml"/><Relationship Id="rId7" Type="http://schemas.openxmlformats.org/officeDocument/2006/relationships/tags" Target="../tags/tag110.xml"/><Relationship Id="rId71" Type="http://schemas.openxmlformats.org/officeDocument/2006/relationships/tags" Target="../tags/tag174.xml"/><Relationship Id="rId92" Type="http://schemas.openxmlformats.org/officeDocument/2006/relationships/tags" Target="../tags/tag195.xml"/><Relationship Id="rId2" Type="http://schemas.openxmlformats.org/officeDocument/2006/relationships/tags" Target="../tags/tag105.xml"/><Relationship Id="rId16" Type="http://schemas.openxmlformats.org/officeDocument/2006/relationships/tags" Target="../tags/tag119.xml"/><Relationship Id="rId29" Type="http://schemas.openxmlformats.org/officeDocument/2006/relationships/tags" Target="../tags/tag132.xml"/><Relationship Id="rId11" Type="http://schemas.openxmlformats.org/officeDocument/2006/relationships/tags" Target="../tags/tag114.xml"/><Relationship Id="rId24" Type="http://schemas.openxmlformats.org/officeDocument/2006/relationships/tags" Target="../tags/tag127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53" Type="http://schemas.openxmlformats.org/officeDocument/2006/relationships/tags" Target="../tags/tag156.xml"/><Relationship Id="rId58" Type="http://schemas.openxmlformats.org/officeDocument/2006/relationships/tags" Target="../tags/tag161.xml"/><Relationship Id="rId66" Type="http://schemas.openxmlformats.org/officeDocument/2006/relationships/tags" Target="../tags/tag169.xml"/><Relationship Id="rId74" Type="http://schemas.openxmlformats.org/officeDocument/2006/relationships/tags" Target="../tags/tag177.xml"/><Relationship Id="rId79" Type="http://schemas.openxmlformats.org/officeDocument/2006/relationships/tags" Target="../tags/tag182.xml"/><Relationship Id="rId87" Type="http://schemas.openxmlformats.org/officeDocument/2006/relationships/tags" Target="../tags/tag190.xml"/><Relationship Id="rId102" Type="http://schemas.openxmlformats.org/officeDocument/2006/relationships/tags" Target="../tags/tag205.xml"/><Relationship Id="rId5" Type="http://schemas.openxmlformats.org/officeDocument/2006/relationships/tags" Target="../tags/tag108.xml"/><Relationship Id="rId61" Type="http://schemas.openxmlformats.org/officeDocument/2006/relationships/tags" Target="../tags/tag164.xml"/><Relationship Id="rId82" Type="http://schemas.openxmlformats.org/officeDocument/2006/relationships/tags" Target="../tags/tag185.xml"/><Relationship Id="rId90" Type="http://schemas.openxmlformats.org/officeDocument/2006/relationships/tags" Target="../tags/tag193.xml"/><Relationship Id="rId95" Type="http://schemas.openxmlformats.org/officeDocument/2006/relationships/tags" Target="../tags/tag198.xml"/><Relationship Id="rId19" Type="http://schemas.openxmlformats.org/officeDocument/2006/relationships/tags" Target="../tags/tag122.xml"/><Relationship Id="rId14" Type="http://schemas.openxmlformats.org/officeDocument/2006/relationships/tags" Target="../tags/tag117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56" Type="http://schemas.openxmlformats.org/officeDocument/2006/relationships/tags" Target="../tags/tag159.xml"/><Relationship Id="rId64" Type="http://schemas.openxmlformats.org/officeDocument/2006/relationships/tags" Target="../tags/tag167.xml"/><Relationship Id="rId69" Type="http://schemas.openxmlformats.org/officeDocument/2006/relationships/tags" Target="../tags/tag172.xml"/><Relationship Id="rId77" Type="http://schemas.openxmlformats.org/officeDocument/2006/relationships/tags" Target="../tags/tag180.xml"/><Relationship Id="rId100" Type="http://schemas.openxmlformats.org/officeDocument/2006/relationships/tags" Target="../tags/tag203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72" Type="http://schemas.openxmlformats.org/officeDocument/2006/relationships/tags" Target="../tags/tag175.xml"/><Relationship Id="rId80" Type="http://schemas.openxmlformats.org/officeDocument/2006/relationships/tags" Target="../tags/tag183.xml"/><Relationship Id="rId85" Type="http://schemas.openxmlformats.org/officeDocument/2006/relationships/tags" Target="../tags/tag188.xml"/><Relationship Id="rId93" Type="http://schemas.openxmlformats.org/officeDocument/2006/relationships/tags" Target="../tags/tag196.xml"/><Relationship Id="rId98" Type="http://schemas.openxmlformats.org/officeDocument/2006/relationships/tags" Target="../tags/tag201.xml"/><Relationship Id="rId3" Type="http://schemas.openxmlformats.org/officeDocument/2006/relationships/tags" Target="../tags/tag106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25" Type="http://schemas.openxmlformats.org/officeDocument/2006/relationships/tags" Target="../tags/tag128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46" Type="http://schemas.openxmlformats.org/officeDocument/2006/relationships/tags" Target="../tags/tag149.xml"/><Relationship Id="rId59" Type="http://schemas.openxmlformats.org/officeDocument/2006/relationships/tags" Target="../tags/tag162.xml"/><Relationship Id="rId67" Type="http://schemas.openxmlformats.org/officeDocument/2006/relationships/tags" Target="../tags/tag170.xml"/><Relationship Id="rId103" Type="http://schemas.openxmlformats.org/officeDocument/2006/relationships/tags" Target="../tags/tag206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54" Type="http://schemas.openxmlformats.org/officeDocument/2006/relationships/tags" Target="../tags/tag157.xml"/><Relationship Id="rId62" Type="http://schemas.openxmlformats.org/officeDocument/2006/relationships/tags" Target="../tags/tag165.xml"/><Relationship Id="rId70" Type="http://schemas.openxmlformats.org/officeDocument/2006/relationships/tags" Target="../tags/tag173.xml"/><Relationship Id="rId75" Type="http://schemas.openxmlformats.org/officeDocument/2006/relationships/tags" Target="../tags/tag178.xml"/><Relationship Id="rId83" Type="http://schemas.openxmlformats.org/officeDocument/2006/relationships/tags" Target="../tags/tag186.xml"/><Relationship Id="rId88" Type="http://schemas.openxmlformats.org/officeDocument/2006/relationships/tags" Target="../tags/tag191.xml"/><Relationship Id="rId91" Type="http://schemas.openxmlformats.org/officeDocument/2006/relationships/tags" Target="../tags/tag194.xml"/><Relationship Id="rId96" Type="http://schemas.openxmlformats.org/officeDocument/2006/relationships/tags" Target="../tags/tag199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Relationship Id="rId57" Type="http://schemas.openxmlformats.org/officeDocument/2006/relationships/tags" Target="../tags/tag160.xml"/><Relationship Id="rId10" Type="http://schemas.openxmlformats.org/officeDocument/2006/relationships/tags" Target="../tags/tag113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tags" Target="../tags/tag155.xml"/><Relationship Id="rId60" Type="http://schemas.openxmlformats.org/officeDocument/2006/relationships/tags" Target="../tags/tag163.xml"/><Relationship Id="rId65" Type="http://schemas.openxmlformats.org/officeDocument/2006/relationships/tags" Target="../tags/tag168.xml"/><Relationship Id="rId73" Type="http://schemas.openxmlformats.org/officeDocument/2006/relationships/tags" Target="../tags/tag176.xml"/><Relationship Id="rId78" Type="http://schemas.openxmlformats.org/officeDocument/2006/relationships/tags" Target="../tags/tag181.xml"/><Relationship Id="rId81" Type="http://schemas.openxmlformats.org/officeDocument/2006/relationships/tags" Target="../tags/tag184.xml"/><Relationship Id="rId86" Type="http://schemas.openxmlformats.org/officeDocument/2006/relationships/tags" Target="../tags/tag189.xml"/><Relationship Id="rId94" Type="http://schemas.openxmlformats.org/officeDocument/2006/relationships/tags" Target="../tags/tag197.xml"/><Relationship Id="rId99" Type="http://schemas.openxmlformats.org/officeDocument/2006/relationships/tags" Target="../tags/tag202.xml"/><Relationship Id="rId101" Type="http://schemas.openxmlformats.org/officeDocument/2006/relationships/tags" Target="../tags/tag204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39" Type="http://schemas.openxmlformats.org/officeDocument/2006/relationships/tags" Target="../tags/tag142.xml"/><Relationship Id="rId34" Type="http://schemas.openxmlformats.org/officeDocument/2006/relationships/tags" Target="../tags/tag137.xml"/><Relationship Id="rId50" Type="http://schemas.openxmlformats.org/officeDocument/2006/relationships/tags" Target="../tags/tag153.xml"/><Relationship Id="rId55" Type="http://schemas.openxmlformats.org/officeDocument/2006/relationships/tags" Target="../tags/tag158.xml"/><Relationship Id="rId76" Type="http://schemas.openxmlformats.org/officeDocument/2006/relationships/tags" Target="../tags/tag179.xml"/><Relationship Id="rId97" Type="http://schemas.openxmlformats.org/officeDocument/2006/relationships/tags" Target="../tags/tag200.xml"/><Relationship Id="rId104" Type="http://schemas.openxmlformats.org/officeDocument/2006/relationships/tags" Target="../tags/tag207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EVER HEALTH TECHNOLOGY PLAN</a:t>
            </a:r>
            <a:endParaRPr lang="en-US" dirty="0"/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Presented by: Eagle Consultin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229189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COST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Ability to maintain and handle member information has become increasingly haphazard</a:t>
            </a:r>
          </a:p>
          <a:p>
            <a:r>
              <a:rPr lang="en-US" sz="3200" dirty="0"/>
              <a:t>Improper charges to cancelled or duplicate members </a:t>
            </a:r>
            <a:r>
              <a:rPr lang="en-US" sz="3200" dirty="0" smtClean="0"/>
              <a:t>cost both </a:t>
            </a:r>
            <a:r>
              <a:rPr lang="en-US" sz="3200" dirty="0"/>
              <a:t>time and money to repair</a:t>
            </a:r>
          </a:p>
          <a:p>
            <a:r>
              <a:rPr lang="en-US" sz="3200" dirty="0"/>
              <a:t>In the past 2 years they have seen a 30% drop in customer membership </a:t>
            </a:r>
            <a:r>
              <a:rPr lang="en-US" sz="3200" dirty="0" smtClean="0"/>
              <a:t>renewal, </a:t>
            </a:r>
            <a:r>
              <a:rPr lang="en-US" sz="3200" dirty="0"/>
              <a:t>resulting in a total loss of over $1,000,000  </a:t>
            </a:r>
          </a:p>
          <a:p>
            <a:r>
              <a:rPr lang="en-US" sz="3200" dirty="0"/>
              <a:t>C</a:t>
            </a:r>
            <a:r>
              <a:rPr lang="en-US" sz="3200" dirty="0" smtClean="0"/>
              <a:t>ustomer satisfaction </a:t>
            </a:r>
            <a:r>
              <a:rPr lang="en-US" sz="3200" dirty="0"/>
              <a:t>decreased  20% due to </a:t>
            </a:r>
            <a:r>
              <a:rPr lang="en-US" sz="3200" dirty="0" smtClean="0"/>
              <a:t>difficulties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420714064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SOLU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502920" indent="-457200"/>
            <a:r>
              <a:rPr lang="en-US" sz="3200" b="1" dirty="0"/>
              <a:t>A centralized Database:</a:t>
            </a:r>
          </a:p>
          <a:p>
            <a:pPr marL="708660" lvl="1" indent="-342900"/>
            <a:r>
              <a:rPr lang="en-US" sz="3200" dirty="0" smtClean="0"/>
              <a:t>Shared </a:t>
            </a:r>
            <a:r>
              <a:rPr lang="en-US" sz="3200" dirty="0"/>
              <a:t>across all gym locations</a:t>
            </a:r>
          </a:p>
          <a:p>
            <a:pPr marL="708660" lvl="1" indent="-342900"/>
            <a:r>
              <a:rPr lang="en-US" sz="3200" dirty="0" smtClean="0"/>
              <a:t>With </a:t>
            </a:r>
            <a:r>
              <a:rPr lang="en-US" sz="3200" dirty="0"/>
              <a:t>all appropriate documentation</a:t>
            </a:r>
          </a:p>
          <a:p>
            <a:pPr marL="502920" indent="-457200"/>
            <a:r>
              <a:rPr lang="en-US" sz="3200" b="1" dirty="0"/>
              <a:t>A redesigned and fully functional website:</a:t>
            </a:r>
          </a:p>
          <a:p>
            <a:pPr marL="708660" lvl="1" indent="-342900"/>
            <a:r>
              <a:rPr lang="en-US" sz="3200" dirty="0" smtClean="0"/>
              <a:t>Add </a:t>
            </a:r>
            <a:r>
              <a:rPr lang="en-US" sz="3200" dirty="0"/>
              <a:t>functionality that allows customers to  create, renew, update, or cancel 	their membership</a:t>
            </a:r>
          </a:p>
          <a:p>
            <a:pPr marL="708660" lvl="1" indent="-342900"/>
            <a:r>
              <a:rPr lang="en-US" sz="3200" dirty="0" smtClean="0"/>
              <a:t>Connected </a:t>
            </a:r>
            <a:r>
              <a:rPr lang="en-US" sz="3200" dirty="0"/>
              <a:t>directly to the database</a:t>
            </a:r>
          </a:p>
          <a:p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245349418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SOLU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388620" indent="-342900"/>
            <a:r>
              <a:rPr lang="en-US" sz="3200" b="1" dirty="0"/>
              <a:t>A Front end Interface:</a:t>
            </a:r>
          </a:p>
          <a:p>
            <a:pPr marL="708660" lvl="1" indent="-342900"/>
            <a:r>
              <a:rPr lang="en-US" sz="3200" dirty="0" smtClean="0"/>
              <a:t>Properly </a:t>
            </a:r>
            <a:r>
              <a:rPr lang="en-US" sz="3200" dirty="0"/>
              <a:t>documented and useable by all employees</a:t>
            </a:r>
          </a:p>
          <a:p>
            <a:pPr marL="708660" lvl="1" indent="-342900"/>
            <a:r>
              <a:rPr lang="en-US" sz="3200" dirty="0" smtClean="0"/>
              <a:t>Capable </a:t>
            </a:r>
            <a:r>
              <a:rPr lang="en-US" sz="3200" dirty="0"/>
              <a:t>of pulling and updating information from the </a:t>
            </a:r>
            <a:r>
              <a:rPr lang="en-US" sz="3200" dirty="0" smtClean="0"/>
              <a:t>database</a:t>
            </a:r>
          </a:p>
          <a:p>
            <a:r>
              <a:rPr lang="en-US" sz="3200" b="1" dirty="0"/>
              <a:t>An accounting system capable of  monitoring:</a:t>
            </a:r>
          </a:p>
          <a:p>
            <a:pPr lvl="1"/>
            <a:r>
              <a:rPr lang="en-US" sz="3200" dirty="0"/>
              <a:t> General Ledger</a:t>
            </a:r>
          </a:p>
          <a:p>
            <a:pPr lvl="1"/>
            <a:r>
              <a:rPr lang="en-US" sz="3200" dirty="0"/>
              <a:t> Accounts Receivable/Payable</a:t>
            </a:r>
          </a:p>
          <a:p>
            <a:pPr lvl="1"/>
            <a:r>
              <a:rPr lang="en-US" sz="3200" dirty="0"/>
              <a:t> Balance Sheet, Profit/Loss Statements</a:t>
            </a:r>
          </a:p>
          <a:p>
            <a:pPr marL="708660" lvl="1" indent="-342900"/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390604224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SOLU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Database, website, and network systems monitoring to ensure functionality</a:t>
            </a:r>
          </a:p>
          <a:p>
            <a:r>
              <a:rPr lang="en-US" sz="3200" dirty="0"/>
              <a:t>Develop and streamline system manual/training to ensure staff learn and understand the system</a:t>
            </a:r>
          </a:p>
          <a:p>
            <a:r>
              <a:rPr lang="en-US" sz="3200" dirty="0"/>
              <a:t>Cost/Benefit Analysis</a:t>
            </a:r>
          </a:p>
          <a:p>
            <a:r>
              <a:rPr lang="en-US" sz="3200" dirty="0"/>
              <a:t>Back up and Disaster Recovery plan</a:t>
            </a:r>
          </a:p>
        </p:txBody>
      </p:sp>
    </p:spTree>
    <p:extLst>
      <p:ext uri="{BB962C8B-B14F-4D97-AF65-F5344CB8AC3E}">
        <p14:creationId xmlns:p14="http://schemas.microsoft.com/office/powerpoint/2010/main" val="13032782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PROJECT COMPLETION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Expected completion date: December 13</a:t>
            </a:r>
            <a:r>
              <a:rPr lang="en-US" sz="3200" baseline="30000" dirty="0"/>
              <a:t>th</a:t>
            </a:r>
            <a:r>
              <a:rPr lang="en-US" sz="3200" dirty="0"/>
              <a:t>, 2016</a:t>
            </a:r>
          </a:p>
          <a:p>
            <a:r>
              <a:rPr lang="en-US" sz="3200" dirty="0"/>
              <a:t>Upon Completion of this project, we expect to see:</a:t>
            </a:r>
          </a:p>
          <a:p>
            <a:pPr lvl="1"/>
            <a:r>
              <a:rPr lang="en-US" sz="2800" dirty="0"/>
              <a:t>A 50% increase in overall customer satisfaction </a:t>
            </a:r>
          </a:p>
          <a:p>
            <a:pPr lvl="1"/>
            <a:r>
              <a:rPr lang="en-US" sz="2800" dirty="0"/>
              <a:t>An 80% increase in customer retention </a:t>
            </a:r>
            <a:endParaRPr lang="en-US" sz="2800" dirty="0" smtClean="0"/>
          </a:p>
          <a:p>
            <a:pPr lvl="1"/>
            <a:r>
              <a:rPr lang="en-US" sz="2800" dirty="0" smtClean="0"/>
              <a:t>Potential </a:t>
            </a:r>
            <a:r>
              <a:rPr lang="en-US" sz="2800" dirty="0"/>
              <a:t>to see </a:t>
            </a:r>
            <a:r>
              <a:rPr lang="en-US" sz="2800" dirty="0" smtClean="0"/>
              <a:t>increased revenue </a:t>
            </a:r>
            <a:r>
              <a:rPr lang="en-US" sz="2800" dirty="0"/>
              <a:t>between $500,000 </a:t>
            </a:r>
            <a:r>
              <a:rPr lang="en-US" sz="2800" dirty="0" smtClean="0"/>
              <a:t>- $800,000</a:t>
            </a:r>
            <a:endParaRPr lang="en-US" sz="2800" dirty="0"/>
          </a:p>
          <a:p>
            <a:pPr lvl="1"/>
            <a:r>
              <a:rPr lang="en-US" sz="2800" dirty="0"/>
              <a:t>A 10% increase in Membership sign ups </a:t>
            </a:r>
            <a:r>
              <a:rPr lang="en-US" sz="2800" dirty="0" smtClean="0"/>
              <a:t>yearly; 2,000 </a:t>
            </a:r>
            <a:r>
              <a:rPr lang="en-US" sz="2800" dirty="0"/>
              <a:t>new customers bringing in $200,000 </a:t>
            </a:r>
            <a:r>
              <a:rPr lang="en-US" sz="2800" dirty="0" smtClean="0"/>
              <a:t>annually</a:t>
            </a:r>
            <a:endParaRPr lang="en-US" sz="2800" dirty="0"/>
          </a:p>
          <a:p>
            <a:pPr lvl="1"/>
            <a:r>
              <a:rPr lang="en-US" sz="2800" dirty="0"/>
              <a:t>A 10% </a:t>
            </a:r>
            <a:r>
              <a:rPr lang="en-US" sz="2800" dirty="0" smtClean="0"/>
              <a:t>increase in </a:t>
            </a:r>
            <a:r>
              <a:rPr lang="en-US" sz="2800" dirty="0"/>
              <a:t>employee </a:t>
            </a:r>
            <a:r>
              <a:rPr lang="en-US" sz="2800" dirty="0" smtClean="0"/>
              <a:t>efficiency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320072873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400" b="1" dirty="0" smtClean="0"/>
              <a:t>Project Team Roles and Responsibilities</a:t>
            </a:r>
            <a:endParaRPr lang="en-US" sz="4400" b="1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/>
          </p:nvPr>
        </p:nvGraphicFramePr>
        <p:xfrm>
          <a:off x="1341088" y="1701235"/>
          <a:ext cx="9506649" cy="34799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06303656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400" b="1" dirty="0" smtClean="0"/>
              <a:t>IMPLEMENTED SYSTEM</a:t>
            </a:r>
            <a:endParaRPr lang="en-US" sz="4400" b="1" dirty="0"/>
          </a:p>
        </p:txBody>
      </p:sp>
      <p:pic>
        <p:nvPicPr>
          <p:cNvPr id="4" name="Content Placeholder 3"/>
          <p:cNvPicPr>
            <a:picLocks noChangeAspect="1"/>
          </p:cNvPicPr>
          <p:nvPr/>
        </p:nvPicPr>
        <p:blipFill>
          <a:blip r:embed="rId2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4412" y="1259002"/>
            <a:ext cx="7828864" cy="5594987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2665412" y="16002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Gym Clientele</a:t>
            </a:r>
            <a:endParaRPr lang="en-US" sz="1200" dirty="0"/>
          </a:p>
        </p:txBody>
      </p:sp>
      <p:sp>
        <p:nvSpPr>
          <p:cNvPr id="8" name="Oval 7"/>
          <p:cNvSpPr/>
          <p:nvPr/>
        </p:nvSpPr>
        <p:spPr>
          <a:xfrm>
            <a:off x="5408612" y="3581401"/>
            <a:ext cx="1143000" cy="10668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Database</a:t>
            </a:r>
            <a:endParaRPr lang="en-US" sz="1200" dirty="0"/>
          </a:p>
        </p:txBody>
      </p:sp>
      <p:sp>
        <p:nvSpPr>
          <p:cNvPr id="9" name="Rectangle 8"/>
          <p:cNvSpPr/>
          <p:nvPr/>
        </p:nvSpPr>
        <p:spPr>
          <a:xfrm>
            <a:off x="8837612" y="5715000"/>
            <a:ext cx="838200" cy="8382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Gym Location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15632475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bg2">
                <a:tint val="100000"/>
                <a:shade val="0"/>
                <a:satMod val="100000"/>
              </a:schemeClr>
            </a:gs>
            <a:gs pos="43000">
              <a:schemeClr val="bg2">
                <a:tint val="100000"/>
                <a:shade val="30000"/>
                <a:satMod val="100000"/>
              </a:schemeClr>
            </a:gs>
            <a:gs pos="100000">
              <a:schemeClr val="bg2">
                <a:shade val="60000"/>
                <a:satMod val="100000"/>
              </a:schemeClr>
            </a:gs>
          </a:gsLst>
          <a:lin ang="36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42" name="OTLSHAPE_T_3033f88a68884a09877032aadcbe4f2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265121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1" name="OTLSHAPE_T_3033f88a68884a09877032aadcbe4f2a_LeftVerticalConnector1"/>
          <p:cNvCxnSpPr/>
          <p:nvPr>
            <p:custDataLst>
              <p:tags r:id="rId3"/>
            </p:custDataLst>
          </p:nvPr>
        </p:nvCxnSpPr>
        <p:spPr>
          <a:xfrm flipV="1">
            <a:off x="9006539" y="2095847"/>
            <a:ext cx="0" cy="1904504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0" name="OTLSHAPE_T_62c899608ee14311a7a9bf93df086f14_RightVerticalConnector1"/>
          <p:cNvCxnSpPr/>
          <p:nvPr>
            <p:custDataLst>
              <p:tags r:id="rId4"/>
            </p:custDataLst>
          </p:nvPr>
        </p:nvCxnSpPr>
        <p:spPr>
          <a:xfrm flipV="1">
            <a:off x="8993843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9" name="OTLSHAPE_T_62c899608ee14311a7a9bf93df086f14_LeftVerticalConnector1"/>
          <p:cNvCxnSpPr/>
          <p:nvPr>
            <p:custDataLst>
              <p:tags r:id="rId5"/>
            </p:custDataLst>
          </p:nvPr>
        </p:nvCxnSpPr>
        <p:spPr>
          <a:xfrm flipV="1">
            <a:off x="7735262" y="2095847"/>
            <a:ext cx="0" cy="163787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8" name="OTLSHAPE_T_4ece8d4c7b9e4a7ab9065029bd2e101a_RightVerticalConnector1"/>
          <p:cNvCxnSpPr/>
          <p:nvPr>
            <p:custDataLst>
              <p:tags r:id="rId6"/>
            </p:custDataLst>
          </p:nvPr>
        </p:nvCxnSpPr>
        <p:spPr>
          <a:xfrm flipV="1">
            <a:off x="7722565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7" name="OTLSHAPE_T_4ece8d4c7b9e4a7ab9065029bd2e101a_LeftVerticalConnector1"/>
          <p:cNvCxnSpPr/>
          <p:nvPr>
            <p:custDataLst>
              <p:tags r:id="rId7"/>
            </p:custDataLst>
          </p:nvPr>
        </p:nvCxnSpPr>
        <p:spPr>
          <a:xfrm flipV="1">
            <a:off x="6463984" y="2095847"/>
            <a:ext cx="0" cy="1371243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6" name="OTLSHAPE_T_83d9e1cc4f0b4481b9f6034704b954a4_RightVerticalConnector1"/>
          <p:cNvCxnSpPr/>
          <p:nvPr>
            <p:custDataLst>
              <p:tags r:id="rId8"/>
            </p:custDataLst>
          </p:nvPr>
        </p:nvCxnSpPr>
        <p:spPr>
          <a:xfrm flipV="1">
            <a:off x="6451287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5" name="OTLSHAPE_T_83d9e1cc4f0b4481b9f6034704b954a4_LeftVerticalConnector1"/>
          <p:cNvCxnSpPr/>
          <p:nvPr>
            <p:custDataLst>
              <p:tags r:id="rId9"/>
            </p:custDataLst>
          </p:nvPr>
        </p:nvCxnSpPr>
        <p:spPr>
          <a:xfrm flipV="1">
            <a:off x="5192706" y="2095847"/>
            <a:ext cx="0" cy="110461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4" name="OTLSHAPE_T_a4df544a3d564a3aa613bcc5de122cc3_RightVerticalConnector1"/>
          <p:cNvCxnSpPr/>
          <p:nvPr>
            <p:custDataLst>
              <p:tags r:id="rId10"/>
            </p:custDataLst>
          </p:nvPr>
        </p:nvCxnSpPr>
        <p:spPr>
          <a:xfrm flipV="1">
            <a:off x="5180009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" name="OTLSHAPE_T_a4df544a3d564a3aa613bcc5de122cc3_LeftVerticalConnector1"/>
          <p:cNvCxnSpPr/>
          <p:nvPr>
            <p:custDataLst>
              <p:tags r:id="rId11"/>
            </p:custDataLst>
          </p:nvPr>
        </p:nvCxnSpPr>
        <p:spPr>
          <a:xfrm flipV="1">
            <a:off x="3921428" y="2095847"/>
            <a:ext cx="0" cy="83798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" name="OTLSHAPE_T_9de6af356a474d9a94e98b7bd4d7cc68_RightVerticalConnector1"/>
          <p:cNvCxnSpPr/>
          <p:nvPr>
            <p:custDataLst>
              <p:tags r:id="rId12"/>
            </p:custDataLst>
          </p:nvPr>
        </p:nvCxnSpPr>
        <p:spPr>
          <a:xfrm flipV="1">
            <a:off x="3908731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1" name="OTLSHAPE_T_9de6af356a474d9a94e98b7bd4d7cc68_LeftVerticalConnector1"/>
          <p:cNvCxnSpPr/>
          <p:nvPr>
            <p:custDataLst>
              <p:tags r:id="rId13"/>
            </p:custDataLst>
          </p:nvPr>
        </p:nvCxnSpPr>
        <p:spPr>
          <a:xfrm flipV="1">
            <a:off x="2650150" y="2095847"/>
            <a:ext cx="0" cy="57135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0" name="OTLSHAPE_T_9bf7e4265bb341ec8c48ff094a90d868_RightVerticalConnector1"/>
          <p:cNvCxnSpPr/>
          <p:nvPr>
            <p:custDataLst>
              <p:tags r:id="rId14"/>
            </p:custDataLst>
          </p:nvPr>
        </p:nvCxnSpPr>
        <p:spPr>
          <a:xfrm flipV="1">
            <a:off x="2637453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" name="OTLSHAPE_T_9bf7e4265bb341ec8c48ff094a90d868_LeftVerticalConnector1"/>
          <p:cNvCxnSpPr/>
          <p:nvPr>
            <p:custDataLst>
              <p:tags r:id="rId15"/>
            </p:custDataLst>
          </p:nvPr>
        </p:nvCxnSpPr>
        <p:spPr>
          <a:xfrm flipV="1">
            <a:off x="1378872" y="2095847"/>
            <a:ext cx="0" cy="304721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8" name="OTLSHAPE_T_3033f88a68884a09877032aadcbe4f2a_HorizontalConnector1"/>
          <p:cNvCxnSpPr/>
          <p:nvPr>
            <p:custDataLst>
              <p:tags r:id="rId16"/>
            </p:custDataLst>
          </p:nvPr>
        </p:nvCxnSpPr>
        <p:spPr>
          <a:xfrm>
            <a:off x="1414709" y="4000351"/>
            <a:ext cx="75854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7" name="OTLSHAPE_T_62c899608ee14311a7a9bf93df086f14_HorizontalConnector1"/>
          <p:cNvCxnSpPr/>
          <p:nvPr>
            <p:custDataLst>
              <p:tags r:id="rId17"/>
            </p:custDataLst>
          </p:nvPr>
        </p:nvCxnSpPr>
        <p:spPr>
          <a:xfrm>
            <a:off x="1365361" y="3733721"/>
            <a:ext cx="63635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6" name="OTLSHAPE_T_4ece8d4c7b9e4a7ab9065029bd2e101a_HorizontalConnector1"/>
          <p:cNvCxnSpPr/>
          <p:nvPr>
            <p:custDataLst>
              <p:tags r:id="rId18"/>
            </p:custDataLst>
          </p:nvPr>
        </p:nvCxnSpPr>
        <p:spPr>
          <a:xfrm>
            <a:off x="1316561" y="3467090"/>
            <a:ext cx="51410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5" name="OTLSHAPE_T_83d9e1cc4f0b4481b9f6034704b954a4_HorizontalConnector1"/>
          <p:cNvCxnSpPr/>
          <p:nvPr>
            <p:custDataLst>
              <p:tags r:id="rId19"/>
            </p:custDataLst>
          </p:nvPr>
        </p:nvCxnSpPr>
        <p:spPr>
          <a:xfrm>
            <a:off x="1125139" y="3200460"/>
            <a:ext cx="40612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4" name="OTLSHAPE_T_a4df544a3d564a3aa613bcc5de122cc3_HorizontalConnector1"/>
          <p:cNvCxnSpPr/>
          <p:nvPr>
            <p:custDataLst>
              <p:tags r:id="rId20"/>
            </p:custDataLst>
          </p:nvPr>
        </p:nvCxnSpPr>
        <p:spPr>
          <a:xfrm>
            <a:off x="1735723" y="2933829"/>
            <a:ext cx="217935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3" name="OTLSHAPE_T_9de6af356a474d9a94e98b7bd4d7cc68_HorizontalConnector1"/>
          <p:cNvCxnSpPr/>
          <p:nvPr>
            <p:custDataLst>
              <p:tags r:id="rId21"/>
            </p:custDataLst>
          </p:nvPr>
        </p:nvCxnSpPr>
        <p:spPr>
          <a:xfrm>
            <a:off x="1759930" y="2667198"/>
            <a:ext cx="883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" name="OTLSHAPE_T_9bf7e4265bb341ec8c48ff094a90d868_HorizontalConnector1"/>
          <p:cNvCxnSpPr/>
          <p:nvPr>
            <p:custDataLst>
              <p:tags r:id="rId22"/>
            </p:custDataLst>
          </p:nvPr>
        </p:nvCxnSpPr>
        <p:spPr>
          <a:xfrm>
            <a:off x="962070" y="2400568"/>
            <a:ext cx="4104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1" name="OTLSHAPE_M_a9a6353529bc4217b3d25afd0857baae_Connector1"/>
          <p:cNvCxnSpPr/>
          <p:nvPr>
            <p:custDataLst>
              <p:tags r:id="rId23"/>
            </p:custDataLst>
          </p:nvPr>
        </p:nvCxnSpPr>
        <p:spPr>
          <a:xfrm>
            <a:off x="10277817" y="1266541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0" name="OTLSHAPE_TB_00000000000000000000000000000000_LeftEndCaps" hidden="1"/>
          <p:cNvSpPr txBox="1"/>
          <p:nvPr>
            <p:custDataLst>
              <p:tags r:id="rId24"/>
            </p:custDataLst>
          </p:nvPr>
        </p:nvSpPr>
        <p:spPr>
          <a:xfrm>
            <a:off x="177922" y="1720843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1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396161" y="1720843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602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244" y="1714946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03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4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4888" y="2095847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05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302" y="2222814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06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2785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1</a:t>
            </a:r>
          </a:p>
        </p:txBody>
      </p:sp>
      <p:cxnSp>
        <p:nvCxnSpPr>
          <p:cNvPr id="1607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28057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344063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18</a:t>
            </a:r>
          </a:p>
        </p:txBody>
      </p:sp>
      <p:cxnSp>
        <p:nvCxnSpPr>
          <p:cNvPr id="1609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55185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615341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09/25</a:t>
            </a:r>
          </a:p>
        </p:txBody>
      </p:sp>
      <p:cxnSp>
        <p:nvCxnSpPr>
          <p:cNvPr id="1611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823133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886618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2</a:t>
            </a:r>
          </a:p>
        </p:txBody>
      </p:sp>
      <p:cxnSp>
        <p:nvCxnSpPr>
          <p:cNvPr id="161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6094411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4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6157896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09</a:t>
            </a:r>
          </a:p>
        </p:txBody>
      </p:sp>
      <p:cxnSp>
        <p:nvCxnSpPr>
          <p:cNvPr id="1615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7365689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6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7429174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16</a:t>
            </a:r>
          </a:p>
        </p:txBody>
      </p:sp>
      <p:cxnSp>
        <p:nvCxnSpPr>
          <p:cNvPr id="1617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8636967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8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8700452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23</a:t>
            </a:r>
          </a:p>
        </p:txBody>
      </p:sp>
      <p:cxnSp>
        <p:nvCxnSpPr>
          <p:cNvPr id="1619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908245" y="1778430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0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971730" y="1812394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sp>
        <p:nvSpPr>
          <p:cNvPr id="1643" name="OTLSHAPE_M_a9a6353529bc4217b3d25afd0857baae_Title"/>
          <p:cNvSpPr txBox="1"/>
          <p:nvPr>
            <p:custDataLst>
              <p:tags r:id="rId45"/>
            </p:custDataLst>
          </p:nvPr>
        </p:nvSpPr>
        <p:spPr>
          <a:xfrm>
            <a:off x="10500009" y="1148251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</a:t>
            </a:r>
            <a:r>
              <a:rPr lang="en-US" sz="1100" b="1" spc="-6" dirty="0">
                <a:latin typeface="Calibri" panose="020F0502020204030204" pitchFamily="34" charset="0"/>
              </a:rPr>
              <a:t>Consulting</a:t>
            </a:r>
            <a:endParaRPr lang="en-US" sz="1100" b="1" spc="-6" dirty="0">
              <a:latin typeface="Calibri" panose="020F0502020204030204" pitchFamily="34" charset="0"/>
            </a:endParaRPr>
          </a:p>
        </p:txBody>
      </p:sp>
      <p:sp>
        <p:nvSpPr>
          <p:cNvPr id="1644" name="OTLSHAPE_M_a9a6353529bc4217b3d25afd0857baae_Date"/>
          <p:cNvSpPr txBox="1"/>
          <p:nvPr>
            <p:custDataLst>
              <p:tags r:id="rId46"/>
            </p:custDataLst>
          </p:nvPr>
        </p:nvSpPr>
        <p:spPr>
          <a:xfrm>
            <a:off x="10500009" y="1344118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0/31/2016</a:t>
            </a:r>
          </a:p>
        </p:txBody>
      </p:sp>
      <p:sp>
        <p:nvSpPr>
          <p:cNvPr id="1645" name="OTLSHAPE_M_a9a6353529bc4217b3d25afd0857baae_Shape"/>
          <p:cNvSpPr/>
          <p:nvPr>
            <p:custDataLst>
              <p:tags r:id="rId47"/>
            </p:custDataLst>
          </p:nvPr>
        </p:nvSpPr>
        <p:spPr>
          <a:xfrm rot="16200000">
            <a:off x="10303211" y="1266541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6" name="OTLSHAPE_T_9bf7e4265bb341ec8c48ff094a90d868_Shape"/>
          <p:cNvSpPr/>
          <p:nvPr>
            <p:custDataLst>
              <p:tags r:id="rId48"/>
            </p:custDataLst>
          </p:nvPr>
        </p:nvSpPr>
        <p:spPr>
          <a:xfrm>
            <a:off x="1372524" y="2298994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47" name="OTLSHAPE_T_9bf7e4265bb341ec8c48ff094a90d868_ShapePercentage" hidden="1"/>
          <p:cNvSpPr/>
          <p:nvPr>
            <p:custDataLst>
              <p:tags r:id="rId49"/>
            </p:custDataLst>
          </p:nvPr>
        </p:nvSpPr>
        <p:spPr>
          <a:xfrm>
            <a:off x="1372524" y="229899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48" name="OTLSHAPE_T_9bf7e4265bb341ec8c48ff094a90d868_Duration" hidden="1"/>
          <p:cNvSpPr txBox="1"/>
          <p:nvPr>
            <p:custDataLst>
              <p:tags r:id="rId50"/>
            </p:custDataLst>
          </p:nvPr>
        </p:nvSpPr>
        <p:spPr>
          <a:xfrm>
            <a:off x="0" y="229899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49" name="OTLSHAPE_T_9bf7e4265bb341ec8c48ff094a90d868_TextPercentage" hidden="1"/>
          <p:cNvSpPr txBox="1"/>
          <p:nvPr>
            <p:custDataLst>
              <p:tags r:id="rId51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0" name="OTLSHAPE_T_9bf7e4265bb341ec8c48ff094a90d868_StartDate" hidden="1"/>
          <p:cNvSpPr txBox="1"/>
          <p:nvPr>
            <p:custDataLst>
              <p:tags r:id="rId52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T_9bf7e4265bb341ec8c48ff094a90d868_EndDate" hidden="1"/>
          <p:cNvSpPr txBox="1"/>
          <p:nvPr>
            <p:custDataLst>
              <p:tags r:id="rId53"/>
            </p:custDataLst>
          </p:nvPr>
        </p:nvSpPr>
        <p:spPr>
          <a:xfrm>
            <a:off x="-1" y="245397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2" name="OTLSHAPE_T_9bf7e4265bb341ec8c48ff094a90d868_JoinedDate"/>
          <p:cNvSpPr txBox="1"/>
          <p:nvPr>
            <p:custDataLst>
              <p:tags r:id="rId54"/>
            </p:custDataLst>
          </p:nvPr>
        </p:nvSpPr>
        <p:spPr>
          <a:xfrm>
            <a:off x="2694589" y="2323076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13/16 - 9/19/16</a:t>
            </a:r>
          </a:p>
        </p:txBody>
      </p:sp>
      <p:sp>
        <p:nvSpPr>
          <p:cNvPr id="1653" name="OTLSHAPE_T_9bf7e4265bb341ec8c48ff094a90d868_Title"/>
          <p:cNvSpPr txBox="1"/>
          <p:nvPr>
            <p:custDataLst>
              <p:tags r:id="rId55"/>
            </p:custDataLst>
          </p:nvPr>
        </p:nvSpPr>
        <p:spPr>
          <a:xfrm>
            <a:off x="126966" y="2315331"/>
            <a:ext cx="837982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1654" name="OTLSHAPE_T_9de6af356a474d9a94e98b7bd4d7cc68_Shape"/>
          <p:cNvSpPr/>
          <p:nvPr>
            <p:custDataLst>
              <p:tags r:id="rId56"/>
            </p:custDataLst>
          </p:nvPr>
        </p:nvSpPr>
        <p:spPr>
          <a:xfrm>
            <a:off x="2643802" y="256562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55" name="OTLSHAPE_T_9de6af356a474d9a94e98b7bd4d7cc68_ShapePercentage" hidden="1"/>
          <p:cNvSpPr/>
          <p:nvPr>
            <p:custDataLst>
              <p:tags r:id="rId57"/>
            </p:custDataLst>
          </p:nvPr>
        </p:nvSpPr>
        <p:spPr>
          <a:xfrm>
            <a:off x="2643802" y="256562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56" name="OTLSHAPE_T_9de6af356a474d9a94e98b7bd4d7cc68_Duration" hidden="1"/>
          <p:cNvSpPr txBox="1"/>
          <p:nvPr>
            <p:custDataLst>
              <p:tags r:id="rId58"/>
            </p:custDataLst>
          </p:nvPr>
        </p:nvSpPr>
        <p:spPr>
          <a:xfrm>
            <a:off x="0" y="2565625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57" name="OTLSHAPE_T_9de6af356a474d9a94e98b7bd4d7cc68_TextPercentage" hidden="1"/>
          <p:cNvSpPr txBox="1"/>
          <p:nvPr>
            <p:custDataLst>
              <p:tags r:id="rId59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8" name="OTLSHAPE_T_9de6af356a474d9a94e98b7bd4d7cc68_StartDate" hidden="1"/>
          <p:cNvSpPr txBox="1"/>
          <p:nvPr>
            <p:custDataLst>
              <p:tags r:id="rId60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9" name="OTLSHAPE_T_9de6af356a474d9a94e98b7bd4d7cc68_EndDate" hidden="1"/>
          <p:cNvSpPr txBox="1"/>
          <p:nvPr>
            <p:custDataLst>
              <p:tags r:id="rId61"/>
            </p:custDataLst>
          </p:nvPr>
        </p:nvSpPr>
        <p:spPr>
          <a:xfrm>
            <a:off x="-1" y="2720609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0" name="OTLSHAPE_T_9de6af356a474d9a94e98b7bd4d7cc68_JoinedDate"/>
          <p:cNvSpPr txBox="1"/>
          <p:nvPr>
            <p:custDataLst>
              <p:tags r:id="rId62"/>
            </p:custDataLst>
          </p:nvPr>
        </p:nvSpPr>
        <p:spPr>
          <a:xfrm>
            <a:off x="3965867" y="258970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0/16 - 9/26/16</a:t>
            </a:r>
          </a:p>
        </p:txBody>
      </p:sp>
      <p:sp>
        <p:nvSpPr>
          <p:cNvPr id="1661" name="OTLSHAPE_T_9de6af356a474d9a94e98b7bd4d7cc68_Title"/>
          <p:cNvSpPr txBox="1"/>
          <p:nvPr>
            <p:custDataLst>
              <p:tags r:id="rId63"/>
            </p:custDataLst>
          </p:nvPr>
        </p:nvSpPr>
        <p:spPr>
          <a:xfrm>
            <a:off x="126967" y="2581962"/>
            <a:ext cx="163787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Financial System</a:t>
            </a:r>
          </a:p>
        </p:txBody>
      </p:sp>
      <p:sp>
        <p:nvSpPr>
          <p:cNvPr id="1662" name="OTLSHAPE_T_a4df544a3d564a3aa613bcc5de122cc3_Shape"/>
          <p:cNvSpPr/>
          <p:nvPr>
            <p:custDataLst>
              <p:tags r:id="rId64"/>
            </p:custDataLst>
          </p:nvPr>
        </p:nvSpPr>
        <p:spPr>
          <a:xfrm>
            <a:off x="3915080" y="2832255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63" name="OTLSHAPE_T_a4df544a3d564a3aa613bcc5de122cc3_ShapePercentage" hidden="1"/>
          <p:cNvSpPr/>
          <p:nvPr>
            <p:custDataLst>
              <p:tags r:id="rId65"/>
            </p:custDataLst>
          </p:nvPr>
        </p:nvSpPr>
        <p:spPr>
          <a:xfrm>
            <a:off x="3915080" y="2832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64" name="OTLSHAPE_T_a4df544a3d564a3aa613bcc5de122cc3_Duration" hidden="1"/>
          <p:cNvSpPr txBox="1"/>
          <p:nvPr>
            <p:custDataLst>
              <p:tags r:id="rId66"/>
            </p:custDataLst>
          </p:nvPr>
        </p:nvSpPr>
        <p:spPr>
          <a:xfrm>
            <a:off x="0" y="283225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65" name="OTLSHAPE_T_a4df544a3d564a3aa613bcc5de122cc3_TextPercentage" hidden="1"/>
          <p:cNvSpPr txBox="1"/>
          <p:nvPr>
            <p:custDataLst>
              <p:tags r:id="rId67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6" name="OTLSHAPE_T_a4df544a3d564a3aa613bcc5de122cc3_StartDate" hidden="1"/>
          <p:cNvSpPr txBox="1"/>
          <p:nvPr>
            <p:custDataLst>
              <p:tags r:id="rId68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7" name="OTLSHAPE_T_a4df544a3d564a3aa613bcc5de122cc3_EndDate" hidden="1"/>
          <p:cNvSpPr txBox="1"/>
          <p:nvPr>
            <p:custDataLst>
              <p:tags r:id="rId69"/>
            </p:custDataLst>
          </p:nvPr>
        </p:nvSpPr>
        <p:spPr>
          <a:xfrm>
            <a:off x="-1" y="2987240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8" name="OTLSHAPE_T_a4df544a3d564a3aa613bcc5de122cc3_JoinedDate"/>
          <p:cNvSpPr txBox="1"/>
          <p:nvPr>
            <p:custDataLst>
              <p:tags r:id="rId70"/>
            </p:custDataLst>
          </p:nvPr>
        </p:nvSpPr>
        <p:spPr>
          <a:xfrm>
            <a:off x="5237144" y="2856337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9/27/16 - 10/3/16</a:t>
            </a:r>
          </a:p>
        </p:txBody>
      </p:sp>
      <p:sp>
        <p:nvSpPr>
          <p:cNvPr id="1669" name="OTLSHAPE_T_a4df544a3d564a3aa613bcc5de122cc3_Title"/>
          <p:cNvSpPr txBox="1"/>
          <p:nvPr>
            <p:custDataLst>
              <p:tags r:id="rId71"/>
            </p:custDataLst>
          </p:nvPr>
        </p:nvSpPr>
        <p:spPr>
          <a:xfrm>
            <a:off x="126966" y="2848592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Creation of Database Sytem</a:t>
            </a:r>
          </a:p>
        </p:txBody>
      </p:sp>
      <p:sp>
        <p:nvSpPr>
          <p:cNvPr id="1670" name="OTLSHAPE_T_83d9e1cc4f0b4481b9f6034704b954a4_Shape"/>
          <p:cNvSpPr/>
          <p:nvPr>
            <p:custDataLst>
              <p:tags r:id="rId72"/>
            </p:custDataLst>
          </p:nvPr>
        </p:nvSpPr>
        <p:spPr>
          <a:xfrm>
            <a:off x="5186358" y="3098886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1" name="OTLSHAPE_T_83d9e1cc4f0b4481b9f6034704b954a4_ShapePercentage" hidden="1"/>
          <p:cNvSpPr/>
          <p:nvPr>
            <p:custDataLst>
              <p:tags r:id="rId73"/>
            </p:custDataLst>
          </p:nvPr>
        </p:nvSpPr>
        <p:spPr>
          <a:xfrm>
            <a:off x="5186358" y="30988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72" name="OTLSHAPE_T_83d9e1cc4f0b4481b9f6034704b954a4_Duration" hidden="1"/>
          <p:cNvSpPr txBox="1"/>
          <p:nvPr>
            <p:custDataLst>
              <p:tags r:id="rId74"/>
            </p:custDataLst>
          </p:nvPr>
        </p:nvSpPr>
        <p:spPr>
          <a:xfrm>
            <a:off x="0" y="3098886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73" name="OTLSHAPE_T_83d9e1cc4f0b4481b9f6034704b954a4_TextPercentage" hidden="1"/>
          <p:cNvSpPr txBox="1"/>
          <p:nvPr>
            <p:custDataLst>
              <p:tags r:id="rId75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4" name="OTLSHAPE_T_83d9e1cc4f0b4481b9f6034704b954a4_StartDate" hidden="1"/>
          <p:cNvSpPr txBox="1"/>
          <p:nvPr>
            <p:custDataLst>
              <p:tags r:id="rId76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5" name="OTLSHAPE_T_83d9e1cc4f0b4481b9f6034704b954a4_EndDate" hidden="1"/>
          <p:cNvSpPr txBox="1"/>
          <p:nvPr>
            <p:custDataLst>
              <p:tags r:id="rId77"/>
            </p:custDataLst>
          </p:nvPr>
        </p:nvSpPr>
        <p:spPr>
          <a:xfrm>
            <a:off x="-1" y="325387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6" name="OTLSHAPE_T_83d9e1cc4f0b4481b9f6034704b954a4_JoinedDate"/>
          <p:cNvSpPr txBox="1"/>
          <p:nvPr>
            <p:custDataLst>
              <p:tags r:id="rId78"/>
            </p:custDataLst>
          </p:nvPr>
        </p:nvSpPr>
        <p:spPr>
          <a:xfrm>
            <a:off x="6508422" y="3122968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4/16 - 10/10/16</a:t>
            </a:r>
          </a:p>
        </p:txBody>
      </p:sp>
      <p:sp>
        <p:nvSpPr>
          <p:cNvPr id="1677" name="OTLSHAPE_T_83d9e1cc4f0b4481b9f6034704b954a4_Title"/>
          <p:cNvSpPr txBox="1"/>
          <p:nvPr>
            <p:custDataLst>
              <p:tags r:id="rId79"/>
            </p:custDataLst>
          </p:nvPr>
        </p:nvSpPr>
        <p:spPr>
          <a:xfrm>
            <a:off x="126966" y="3115223"/>
            <a:ext cx="100303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latin typeface="Calibri" panose="020F0502020204030204" pitchFamily="34" charset="0"/>
              </a:rPr>
              <a:t>Excel </a:t>
            </a:r>
            <a:r>
              <a:rPr lang="en-US" sz="1100" b="1" spc="-8" dirty="0"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678" name="OTLSHAPE_T_4ece8d4c7b9e4a7ab9065029bd2e101a_Shape"/>
          <p:cNvSpPr/>
          <p:nvPr>
            <p:custDataLst>
              <p:tags r:id="rId80"/>
            </p:custDataLst>
          </p:nvPr>
        </p:nvSpPr>
        <p:spPr>
          <a:xfrm>
            <a:off x="6457635" y="336551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79" name="OTLSHAPE_T_4ece8d4c7b9e4a7ab9065029bd2e101a_ShapePercentage" hidden="1"/>
          <p:cNvSpPr/>
          <p:nvPr>
            <p:custDataLst>
              <p:tags r:id="rId81"/>
            </p:custDataLst>
          </p:nvPr>
        </p:nvSpPr>
        <p:spPr>
          <a:xfrm>
            <a:off x="6457635" y="33655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0" name="OTLSHAPE_T_4ece8d4c7b9e4a7ab9065029bd2e101a_Duration" hidden="1"/>
          <p:cNvSpPr txBox="1"/>
          <p:nvPr>
            <p:custDataLst>
              <p:tags r:id="rId82"/>
            </p:custDataLst>
          </p:nvPr>
        </p:nvSpPr>
        <p:spPr>
          <a:xfrm>
            <a:off x="0" y="336551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1" name="OTLSHAPE_T_4ece8d4c7b9e4a7ab9065029bd2e101a_TextPercentage" hidden="1"/>
          <p:cNvSpPr txBox="1"/>
          <p:nvPr>
            <p:custDataLst>
              <p:tags r:id="rId83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2" name="OTLSHAPE_T_4ece8d4c7b9e4a7ab9065029bd2e101a_StartDate" hidden="1"/>
          <p:cNvSpPr txBox="1"/>
          <p:nvPr>
            <p:custDataLst>
              <p:tags r:id="rId84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3" name="OTLSHAPE_T_4ece8d4c7b9e4a7ab9065029bd2e101a_EndDate" hidden="1"/>
          <p:cNvSpPr txBox="1"/>
          <p:nvPr>
            <p:custDataLst>
              <p:tags r:id="rId85"/>
            </p:custDataLst>
          </p:nvPr>
        </p:nvSpPr>
        <p:spPr>
          <a:xfrm>
            <a:off x="-1" y="3520501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4" name="OTLSHAPE_T_4ece8d4c7b9e4a7ab9065029bd2e101a_JoinedDate"/>
          <p:cNvSpPr txBox="1"/>
          <p:nvPr>
            <p:custDataLst>
              <p:tags r:id="rId86"/>
            </p:custDataLst>
          </p:nvPr>
        </p:nvSpPr>
        <p:spPr>
          <a:xfrm>
            <a:off x="7779700" y="338959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1/16 - 10/17/16</a:t>
            </a:r>
          </a:p>
        </p:txBody>
      </p:sp>
      <p:sp>
        <p:nvSpPr>
          <p:cNvPr id="1685" name="OTLSHAPE_T_4ece8d4c7b9e4a7ab9065029bd2e101a_Title"/>
          <p:cNvSpPr txBox="1"/>
          <p:nvPr>
            <p:custDataLst>
              <p:tags r:id="rId87"/>
            </p:custDataLst>
          </p:nvPr>
        </p:nvSpPr>
        <p:spPr>
          <a:xfrm>
            <a:off x="126966" y="3381853"/>
            <a:ext cx="119348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latin typeface="Calibri" panose="020F0502020204030204" pitchFamily="34" charset="0"/>
              </a:rPr>
              <a:t>Business Documents</a:t>
            </a:r>
          </a:p>
        </p:txBody>
      </p:sp>
      <p:sp>
        <p:nvSpPr>
          <p:cNvPr id="1686" name="OTLSHAPE_T_62c899608ee14311a7a9bf93df086f14_Shape"/>
          <p:cNvSpPr/>
          <p:nvPr>
            <p:custDataLst>
              <p:tags r:id="rId88"/>
            </p:custDataLst>
          </p:nvPr>
        </p:nvSpPr>
        <p:spPr>
          <a:xfrm>
            <a:off x="7728913" y="3632147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87" name="OTLSHAPE_T_62c899608ee14311a7a9bf93df086f14_ShapePercentage" hidden="1"/>
          <p:cNvSpPr/>
          <p:nvPr>
            <p:custDataLst>
              <p:tags r:id="rId89"/>
            </p:custDataLst>
          </p:nvPr>
        </p:nvSpPr>
        <p:spPr>
          <a:xfrm>
            <a:off x="7728913" y="36321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88" name="OTLSHAPE_T_62c899608ee14311a7a9bf93df086f14_Duration" hidden="1"/>
          <p:cNvSpPr txBox="1"/>
          <p:nvPr>
            <p:custDataLst>
              <p:tags r:id="rId90"/>
            </p:custDataLst>
          </p:nvPr>
        </p:nvSpPr>
        <p:spPr>
          <a:xfrm>
            <a:off x="0" y="3632147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89" name="OTLSHAPE_T_62c899608ee14311a7a9bf93df086f14_TextPercentage" hidden="1"/>
          <p:cNvSpPr txBox="1"/>
          <p:nvPr>
            <p:custDataLst>
              <p:tags r:id="rId91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0" name="OTLSHAPE_T_62c899608ee14311a7a9bf93df086f14_StartDate" hidden="1"/>
          <p:cNvSpPr txBox="1"/>
          <p:nvPr>
            <p:custDataLst>
              <p:tags r:id="rId92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1" name="OTLSHAPE_T_62c899608ee14311a7a9bf93df086f14_EndDate" hidden="1"/>
          <p:cNvSpPr txBox="1"/>
          <p:nvPr>
            <p:custDataLst>
              <p:tags r:id="rId93"/>
            </p:custDataLst>
          </p:nvPr>
        </p:nvSpPr>
        <p:spPr>
          <a:xfrm>
            <a:off x="-1" y="378713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2" name="OTLSHAPE_T_62c899608ee14311a7a9bf93df086f14_JoinedDate"/>
          <p:cNvSpPr txBox="1"/>
          <p:nvPr>
            <p:custDataLst>
              <p:tags r:id="rId94"/>
            </p:custDataLst>
          </p:nvPr>
        </p:nvSpPr>
        <p:spPr>
          <a:xfrm>
            <a:off x="9050978" y="3656229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18/16 - 10/24/16</a:t>
            </a:r>
          </a:p>
        </p:txBody>
      </p:sp>
      <p:sp>
        <p:nvSpPr>
          <p:cNvPr id="1693" name="OTLSHAPE_T_62c899608ee14311a7a9bf93df086f14_Title"/>
          <p:cNvSpPr txBox="1"/>
          <p:nvPr>
            <p:custDataLst>
              <p:tags r:id="rId95"/>
            </p:custDataLst>
          </p:nvPr>
        </p:nvSpPr>
        <p:spPr>
          <a:xfrm>
            <a:off x="126966" y="3648483"/>
            <a:ext cx="124427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Advertising Materials</a:t>
            </a:r>
          </a:p>
        </p:txBody>
      </p:sp>
      <p:sp>
        <p:nvSpPr>
          <p:cNvPr id="1694" name="OTLSHAPE_T_3033f88a68884a09877032aadcbe4f2a_Shape"/>
          <p:cNvSpPr/>
          <p:nvPr>
            <p:custDataLst>
              <p:tags r:id="rId96"/>
            </p:custDataLst>
          </p:nvPr>
        </p:nvSpPr>
        <p:spPr>
          <a:xfrm>
            <a:off x="9000191" y="3898778"/>
            <a:ext cx="1282366" cy="203147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695" name="OTLSHAPE_T_3033f88a68884a09877032aadcbe4f2a_ShapePercentage" hidden="1"/>
          <p:cNvSpPr/>
          <p:nvPr>
            <p:custDataLst>
              <p:tags r:id="rId97"/>
            </p:custDataLst>
          </p:nvPr>
        </p:nvSpPr>
        <p:spPr>
          <a:xfrm>
            <a:off x="9000191" y="389877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696" name="OTLSHAPE_T_3033f88a68884a09877032aadcbe4f2a_Duration" hidden="1"/>
          <p:cNvSpPr txBox="1"/>
          <p:nvPr>
            <p:custDataLst>
              <p:tags r:id="rId98"/>
            </p:custDataLst>
          </p:nvPr>
        </p:nvSpPr>
        <p:spPr>
          <a:xfrm>
            <a:off x="0" y="3898778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97" name="OTLSHAPE_T_3033f88a68884a09877032aadcbe4f2a_TextPercentage" hidden="1"/>
          <p:cNvSpPr txBox="1"/>
          <p:nvPr>
            <p:custDataLst>
              <p:tags r:id="rId99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8" name="OTLSHAPE_T_3033f88a68884a09877032aadcbe4f2a_StartDate" hidden="1"/>
          <p:cNvSpPr txBox="1"/>
          <p:nvPr>
            <p:custDataLst>
              <p:tags r:id="rId100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9" name="OTLSHAPE_T_3033f88a68884a09877032aadcbe4f2a_EndDate" hidden="1"/>
          <p:cNvSpPr txBox="1"/>
          <p:nvPr>
            <p:custDataLst>
              <p:tags r:id="rId101"/>
            </p:custDataLst>
          </p:nvPr>
        </p:nvSpPr>
        <p:spPr>
          <a:xfrm>
            <a:off x="-1" y="4053762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0" name="OTLSHAPE_T_3033f88a68884a09877032aadcbe4f2a_JoinedDate"/>
          <p:cNvSpPr txBox="1"/>
          <p:nvPr>
            <p:custDataLst>
              <p:tags r:id="rId102"/>
            </p:custDataLst>
          </p:nvPr>
        </p:nvSpPr>
        <p:spPr>
          <a:xfrm>
            <a:off x="10322256" y="3922860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0/25/16 - 10/31/16</a:t>
            </a:r>
          </a:p>
        </p:txBody>
      </p:sp>
      <p:sp>
        <p:nvSpPr>
          <p:cNvPr id="1701" name="OTLSHAPE_T_3033f88a68884a09877032aadcbe4f2a_Title"/>
          <p:cNvSpPr txBox="1"/>
          <p:nvPr>
            <p:custDataLst>
              <p:tags r:id="rId103"/>
            </p:custDataLst>
          </p:nvPr>
        </p:nvSpPr>
        <p:spPr>
          <a:xfrm>
            <a:off x="126966" y="3915114"/>
            <a:ext cx="1295063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Website Development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3484633" y="449759"/>
            <a:ext cx="468581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400" b="1" dirty="0" smtClean="0"/>
              <a:t>PROJECT TIMELINE</a:t>
            </a:r>
            <a:endParaRPr lang="en-US" sz="44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865652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66" name="OTLSHAPE_T_f90224027dac4a9a83f485826a3ac13c_RightVerticalConnector1"/>
          <p:cNvCxnSpPr/>
          <p:nvPr>
            <p:custDataLst>
              <p:tags r:id="rId2"/>
            </p:custDataLst>
          </p:nvPr>
        </p:nvCxnSpPr>
        <p:spPr>
          <a:xfrm>
            <a:off x="10342953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5" name="OTLSHAPE_T_f90224027dac4a9a83f485826a3ac13c_LeftVerticalConnector1"/>
          <p:cNvCxnSpPr/>
          <p:nvPr>
            <p:custDataLst>
              <p:tags r:id="rId3"/>
            </p:custDataLst>
          </p:nvPr>
        </p:nvCxnSpPr>
        <p:spPr>
          <a:xfrm>
            <a:off x="10148095" y="4271638"/>
            <a:ext cx="0" cy="8714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" name="OTLSHAPE_T_1b3131008aa04c81b00eb74433120cd8_RightVerticalConnector1"/>
          <p:cNvCxnSpPr/>
          <p:nvPr>
            <p:custDataLst>
              <p:tags r:id="rId4"/>
            </p:custDataLst>
          </p:nvPr>
        </p:nvCxnSpPr>
        <p:spPr>
          <a:xfrm>
            <a:off x="10135398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3" name="OTLSHAPE_T_1b3131008aa04c81b00eb74433120cd8_LeftVerticalConnector1"/>
          <p:cNvCxnSpPr/>
          <p:nvPr>
            <p:custDataLst>
              <p:tags r:id="rId5"/>
            </p:custDataLst>
          </p:nvPr>
        </p:nvCxnSpPr>
        <p:spPr>
          <a:xfrm>
            <a:off x="8695206" y="4005007"/>
            <a:ext cx="0" cy="1138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2" name="OTLSHAPE_T_42b20a8eebc34f5c99627bc04279df3a_RightVerticalConnector1"/>
          <p:cNvCxnSpPr/>
          <p:nvPr>
            <p:custDataLst>
              <p:tags r:id="rId6"/>
            </p:custDataLst>
          </p:nvPr>
        </p:nvCxnSpPr>
        <p:spPr>
          <a:xfrm>
            <a:off x="8682509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1" name="OTLSHAPE_T_42b20a8eebc34f5c99627bc04279df3a_LeftVerticalConnector1"/>
          <p:cNvCxnSpPr/>
          <p:nvPr>
            <p:custDataLst>
              <p:tags r:id="rId7"/>
            </p:custDataLst>
          </p:nvPr>
        </p:nvCxnSpPr>
        <p:spPr>
          <a:xfrm>
            <a:off x="7242317" y="3738377"/>
            <a:ext cx="0" cy="140467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0" name="OTLSHAPE_T_3d8fa01f968446e58dfd9e374eb48b38_RightVerticalConnector1"/>
          <p:cNvCxnSpPr/>
          <p:nvPr>
            <p:custDataLst>
              <p:tags r:id="rId8"/>
            </p:custDataLst>
          </p:nvPr>
        </p:nvCxnSpPr>
        <p:spPr>
          <a:xfrm>
            <a:off x="7229620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9" name="OTLSHAPE_T_3d8fa01f968446e58dfd9e374eb48b38_LeftVerticalConnector1"/>
          <p:cNvCxnSpPr/>
          <p:nvPr>
            <p:custDataLst>
              <p:tags r:id="rId9"/>
            </p:custDataLst>
          </p:nvPr>
        </p:nvCxnSpPr>
        <p:spPr>
          <a:xfrm>
            <a:off x="5789428" y="3471746"/>
            <a:ext cx="0" cy="167130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8" name="OTLSHAPE_T_2245ca5ddd12457ca13319dd6c778f20_RightVerticalConnector1"/>
          <p:cNvCxnSpPr/>
          <p:nvPr>
            <p:custDataLst>
              <p:tags r:id="rId10"/>
            </p:custDataLst>
          </p:nvPr>
        </p:nvCxnSpPr>
        <p:spPr>
          <a:xfrm>
            <a:off x="5776732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7" name="OTLSHAPE_T_2245ca5ddd12457ca13319dd6c778f20_LeftVerticalConnector1"/>
          <p:cNvCxnSpPr/>
          <p:nvPr>
            <p:custDataLst>
              <p:tags r:id="rId11"/>
            </p:custDataLst>
          </p:nvPr>
        </p:nvCxnSpPr>
        <p:spPr>
          <a:xfrm>
            <a:off x="4336539" y="3205116"/>
            <a:ext cx="0" cy="193793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6" name="OTLSHAPE_T_5bc2bb8d83144d839f41b63b0ac49916_RightVerticalConnector1"/>
          <p:cNvCxnSpPr/>
          <p:nvPr>
            <p:custDataLst>
              <p:tags r:id="rId12"/>
            </p:custDataLst>
          </p:nvPr>
        </p:nvCxnSpPr>
        <p:spPr>
          <a:xfrm>
            <a:off x="4323842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5" name="OTLSHAPE_T_5bc2bb8d83144d839f41b63b0ac49916_LeftVerticalConnector1"/>
          <p:cNvCxnSpPr/>
          <p:nvPr>
            <p:custDataLst>
              <p:tags r:id="rId13"/>
            </p:custDataLst>
          </p:nvPr>
        </p:nvCxnSpPr>
        <p:spPr>
          <a:xfrm>
            <a:off x="2883650" y="2938485"/>
            <a:ext cx="0" cy="220456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4" name="OTLSHAPE_T_63559816eeb3450fbd5cfee8cf07f8b6_RightVerticalConnector1"/>
          <p:cNvCxnSpPr/>
          <p:nvPr>
            <p:custDataLst>
              <p:tags r:id="rId14"/>
            </p:custDataLst>
          </p:nvPr>
        </p:nvCxnSpPr>
        <p:spPr>
          <a:xfrm>
            <a:off x="2870954" y="2671855"/>
            <a:ext cx="0" cy="247119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3" name="OTLSHAPE_T_63559816eeb3450fbd5cfee8cf07f8b6_LeftVerticalConnector4"/>
          <p:cNvCxnSpPr/>
          <p:nvPr>
            <p:custDataLst>
              <p:tags r:id="rId15"/>
            </p:custDataLst>
          </p:nvPr>
        </p:nvCxnSpPr>
        <p:spPr>
          <a:xfrm>
            <a:off x="1430762" y="4090244"/>
            <a:ext cx="0" cy="105281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2" name="OTLSHAPE_T_63559816eeb3450fbd5cfee8cf07f8b6_LeftVerticalConnector3"/>
          <p:cNvCxnSpPr/>
          <p:nvPr>
            <p:custDataLst>
              <p:tags r:id="rId16"/>
            </p:custDataLst>
          </p:nvPr>
        </p:nvCxnSpPr>
        <p:spPr>
          <a:xfrm>
            <a:off x="1430762" y="3823614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1" name="OTLSHAPE_T_63559816eeb3450fbd5cfee8cf07f8b6_LeftVerticalConnector2"/>
          <p:cNvCxnSpPr/>
          <p:nvPr>
            <p:custDataLst>
              <p:tags r:id="rId17"/>
            </p:custDataLst>
          </p:nvPr>
        </p:nvCxnSpPr>
        <p:spPr>
          <a:xfrm>
            <a:off x="1430762" y="3556983"/>
            <a:ext cx="0" cy="9615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0" name="OTLSHAPE_T_63559816eeb3450fbd5cfee8cf07f8b6_LeftVerticalConnector1"/>
          <p:cNvCxnSpPr/>
          <p:nvPr>
            <p:custDataLst>
              <p:tags r:id="rId18"/>
            </p:custDataLst>
          </p:nvPr>
        </p:nvCxnSpPr>
        <p:spPr>
          <a:xfrm>
            <a:off x="1430762" y="2671855"/>
            <a:ext cx="0" cy="71465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9" name="OTLSHAPE_T_f90224027dac4a9a83f485826a3ac13c_HorizontalConnector1"/>
          <p:cNvCxnSpPr/>
          <p:nvPr>
            <p:custDataLst>
              <p:tags r:id="rId19"/>
            </p:custDataLst>
          </p:nvPr>
        </p:nvCxnSpPr>
        <p:spPr>
          <a:xfrm>
            <a:off x="865787" y="4271638"/>
            <a:ext cx="92759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8" name="OTLSHAPE_T_1b3131008aa04c81b00eb74433120cd8_HorizontalConnector1"/>
          <p:cNvCxnSpPr/>
          <p:nvPr>
            <p:custDataLst>
              <p:tags r:id="rId20"/>
            </p:custDataLst>
          </p:nvPr>
        </p:nvCxnSpPr>
        <p:spPr>
          <a:xfrm>
            <a:off x="1728147" y="4005007"/>
            <a:ext cx="69607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7" name="OTLSHAPE_T_42b20a8eebc34f5c99627bc04279df3a_HorizontalConnector1"/>
          <p:cNvCxnSpPr/>
          <p:nvPr>
            <p:custDataLst>
              <p:tags r:id="rId21"/>
            </p:custDataLst>
          </p:nvPr>
        </p:nvCxnSpPr>
        <p:spPr>
          <a:xfrm>
            <a:off x="1728147" y="3738376"/>
            <a:ext cx="55078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6" name="OTLSHAPE_T_3d8fa01f968446e58dfd9e374eb48b38_HorizontalConnector1"/>
          <p:cNvCxnSpPr/>
          <p:nvPr>
            <p:custDataLst>
              <p:tags r:id="rId22"/>
            </p:custDataLst>
          </p:nvPr>
        </p:nvCxnSpPr>
        <p:spPr>
          <a:xfrm>
            <a:off x="1728146" y="3471746"/>
            <a:ext cx="40549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5" name="OTLSHAPE_T_2245ca5ddd12457ca13319dd6c778f20_HorizontalConnector1"/>
          <p:cNvCxnSpPr/>
          <p:nvPr>
            <p:custDataLst>
              <p:tags r:id="rId23"/>
            </p:custDataLst>
          </p:nvPr>
        </p:nvCxnSpPr>
        <p:spPr>
          <a:xfrm>
            <a:off x="589211" y="3205115"/>
            <a:ext cx="37409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4" name="OTLSHAPE_T_5bc2bb8d83144d839f41b63b0ac49916_HorizontalConnector1"/>
          <p:cNvCxnSpPr/>
          <p:nvPr>
            <p:custDataLst>
              <p:tags r:id="rId24"/>
            </p:custDataLst>
          </p:nvPr>
        </p:nvCxnSpPr>
        <p:spPr>
          <a:xfrm>
            <a:off x="977053" y="2938485"/>
            <a:ext cx="19002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3" name="OTLSHAPE_T_63559816eeb3450fbd5cfee8cf07f8b6_HorizontalConnector1"/>
          <p:cNvCxnSpPr/>
          <p:nvPr>
            <p:custDataLst>
              <p:tags r:id="rId25"/>
            </p:custDataLst>
          </p:nvPr>
        </p:nvCxnSpPr>
        <p:spPr>
          <a:xfrm>
            <a:off x="1045276" y="2671854"/>
            <a:ext cx="37913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2" name="OTLSHAPE_M_a9a6353529bc4217b3d25afd0857baae_Connector1"/>
          <p:cNvCxnSpPr/>
          <p:nvPr>
            <p:custDataLst>
              <p:tags r:id="rId26"/>
            </p:custDataLst>
          </p:nvPr>
        </p:nvCxnSpPr>
        <p:spPr>
          <a:xfrm>
            <a:off x="10148095" y="4694648"/>
            <a:ext cx="0" cy="44840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3" name="OTLSHAPE_TB_00000000000000000000000000000000_LeftEndCaps" hidden="1"/>
          <p:cNvSpPr txBox="1"/>
          <p:nvPr>
            <p:custDataLst>
              <p:tags r:id="rId27"/>
            </p:custDataLst>
          </p:nvPr>
        </p:nvSpPr>
        <p:spPr>
          <a:xfrm>
            <a:off x="177922" y="5148950"/>
            <a:ext cx="621803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4" name="OTLSHAPE_TB_00000000000000000000000000000000_RightEndCaps"/>
          <p:cNvSpPr txBox="1"/>
          <p:nvPr>
            <p:custDataLst>
              <p:tags r:id="rId28"/>
            </p:custDataLst>
          </p:nvPr>
        </p:nvSpPr>
        <p:spPr>
          <a:xfrm>
            <a:off x="11396161" y="5148950"/>
            <a:ext cx="602316" cy="3691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399" b="1" spc="-38"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22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844244" y="5143053"/>
            <a:ext cx="10512862" cy="380901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26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-1" y="893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7" name="OTLSHAPE_TB_00000000000000000000000000000000_TodayMarkerShape" hidden="1"/>
          <p:cNvSpPr/>
          <p:nvPr>
            <p:custDataLst>
              <p:tags r:id="rId31"/>
            </p:custDataLst>
          </p:nvPr>
        </p:nvSpPr>
        <p:spPr>
          <a:xfrm>
            <a:off x="954888" y="5523954"/>
            <a:ext cx="108829" cy="1269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28" name="OTLSHAPE_TB_00000000000000000000000000000000_TodayMarkerText" hidden="1"/>
          <p:cNvSpPr txBox="1"/>
          <p:nvPr>
            <p:custDataLst>
              <p:tags r:id="rId32"/>
            </p:custDataLst>
          </p:nvPr>
        </p:nvSpPr>
        <p:spPr>
          <a:xfrm>
            <a:off x="1009302" y="5650921"/>
            <a:ext cx="363274" cy="184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29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072785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0/30</a:t>
            </a:r>
          </a:p>
        </p:txBody>
      </p:sp>
      <p:cxnSp>
        <p:nvCxnSpPr>
          <p:cNvPr id="1230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246218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1" name="OTLSHAPE_TB_00000000000000000000000000000000_TimescaleInterval2"/>
          <p:cNvSpPr txBox="1"/>
          <p:nvPr>
            <p:custDataLst>
              <p:tags r:id="rId35"/>
            </p:custDataLst>
          </p:nvPr>
        </p:nvSpPr>
        <p:spPr>
          <a:xfrm>
            <a:off x="2525674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06</a:t>
            </a:r>
          </a:p>
        </p:txBody>
      </p:sp>
      <p:cxnSp>
        <p:nvCxnSpPr>
          <p:cNvPr id="1232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915078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3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397856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13</a:t>
            </a:r>
          </a:p>
        </p:txBody>
      </p:sp>
      <p:cxnSp>
        <p:nvCxnSpPr>
          <p:cNvPr id="1234" name="OTLSHAPE_TB_00000000000000000000000000000000_Separator3"/>
          <p:cNvCxnSpPr/>
          <p:nvPr>
            <p:custDataLst>
              <p:tags r:id="rId38"/>
            </p:custDataLst>
          </p:nvPr>
        </p:nvCxnSpPr>
        <p:spPr>
          <a:xfrm>
            <a:off x="5367966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5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5431453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0</a:t>
            </a:r>
          </a:p>
        </p:txBody>
      </p:sp>
      <p:cxnSp>
        <p:nvCxnSpPr>
          <p:cNvPr id="1236" name="OTLSHAPE_TB_00000000000000000000000000000000_Separator4"/>
          <p:cNvCxnSpPr/>
          <p:nvPr>
            <p:custDataLst>
              <p:tags r:id="rId40"/>
            </p:custDataLst>
          </p:nvPr>
        </p:nvCxnSpPr>
        <p:spPr>
          <a:xfrm>
            <a:off x="6820855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7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688434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1/27</a:t>
            </a:r>
          </a:p>
        </p:txBody>
      </p:sp>
      <p:cxnSp>
        <p:nvCxnSpPr>
          <p:cNvPr id="1238" name="OTLSHAPE_TB_00000000000000000000000000000000_Separator5"/>
          <p:cNvCxnSpPr/>
          <p:nvPr>
            <p:custDataLst>
              <p:tags r:id="rId42"/>
            </p:custDataLst>
          </p:nvPr>
        </p:nvCxnSpPr>
        <p:spPr>
          <a:xfrm>
            <a:off x="827374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9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8337231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04</a:t>
            </a:r>
          </a:p>
        </p:txBody>
      </p:sp>
      <p:cxnSp>
        <p:nvCxnSpPr>
          <p:cNvPr id="1240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9726633" y="5206537"/>
            <a:ext cx="0" cy="253934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1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9790119" y="5240500"/>
            <a:ext cx="373403" cy="18600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latin typeface="Calibri" panose="020F0502020204030204" pitchFamily="34" charset="0"/>
              </a:rPr>
              <a:t>12/11</a:t>
            </a:r>
          </a:p>
        </p:txBody>
      </p:sp>
      <p:sp>
        <p:nvSpPr>
          <p:cNvPr id="1267" name="OTLSHAPE_M_a9a6353529bc4217b3d25afd0857baae_Title"/>
          <p:cNvSpPr txBox="1"/>
          <p:nvPr>
            <p:custDataLst>
              <p:tags r:id="rId46"/>
            </p:custDataLst>
          </p:nvPr>
        </p:nvSpPr>
        <p:spPr>
          <a:xfrm>
            <a:off x="10370287" y="4576358"/>
            <a:ext cx="1091916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Eagles </a:t>
            </a:r>
            <a:r>
              <a:rPr lang="en-US" sz="1100" b="1" spc="-6" dirty="0">
                <a:latin typeface="Calibri" panose="020F0502020204030204" pitchFamily="34" charset="0"/>
              </a:rPr>
              <a:t>Consulting</a:t>
            </a:r>
            <a:endParaRPr lang="en-US" sz="1100" b="1" spc="-6" dirty="0">
              <a:latin typeface="Calibri" panose="020F0502020204030204" pitchFamily="34" charset="0"/>
            </a:endParaRPr>
          </a:p>
        </p:txBody>
      </p:sp>
      <p:sp>
        <p:nvSpPr>
          <p:cNvPr id="1268" name="OTLSHAPE_M_a9a6353529bc4217b3d25afd0857baae_Date"/>
          <p:cNvSpPr txBox="1"/>
          <p:nvPr>
            <p:custDataLst>
              <p:tags r:id="rId47"/>
            </p:custDataLst>
          </p:nvPr>
        </p:nvSpPr>
        <p:spPr>
          <a:xfrm>
            <a:off x="10370287" y="4772225"/>
            <a:ext cx="622138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2/2016</a:t>
            </a:r>
          </a:p>
        </p:txBody>
      </p:sp>
      <p:sp>
        <p:nvSpPr>
          <p:cNvPr id="1269" name="OTLSHAPE_M_a9a6353529bc4217b3d25afd0857baae_Shape"/>
          <p:cNvSpPr/>
          <p:nvPr>
            <p:custDataLst>
              <p:tags r:id="rId48"/>
            </p:custDataLst>
          </p:nvPr>
        </p:nvSpPr>
        <p:spPr>
          <a:xfrm rot="16200000">
            <a:off x="10173488" y="4694648"/>
            <a:ext cx="165057" cy="165057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0" name="OTLSHAPE_T_63559816eeb3450fbd5cfee8cf07f8b6_Shape"/>
          <p:cNvSpPr/>
          <p:nvPr>
            <p:custDataLst>
              <p:tags r:id="rId49"/>
            </p:custDataLst>
          </p:nvPr>
        </p:nvSpPr>
        <p:spPr>
          <a:xfrm>
            <a:off x="1424413" y="257028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1" name="OTLSHAPE_T_63559816eeb3450fbd5cfee8cf07f8b6_ShapePercentage" hidden="1"/>
          <p:cNvSpPr/>
          <p:nvPr>
            <p:custDataLst>
              <p:tags r:id="rId50"/>
            </p:custDataLst>
          </p:nvPr>
        </p:nvSpPr>
        <p:spPr>
          <a:xfrm>
            <a:off x="1424413" y="257028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72" name="OTLSHAPE_T_63559816eeb3450fbd5cfee8cf07f8b6_Duration" hidden="1"/>
          <p:cNvSpPr txBox="1"/>
          <p:nvPr>
            <p:custDataLst>
              <p:tags r:id="rId51"/>
            </p:custDataLst>
          </p:nvPr>
        </p:nvSpPr>
        <p:spPr>
          <a:xfrm>
            <a:off x="0" y="2570281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73" name="OTLSHAPE_T_63559816eeb3450fbd5cfee8cf07f8b6_TextPercentage" hidden="1"/>
          <p:cNvSpPr txBox="1"/>
          <p:nvPr>
            <p:custDataLst>
              <p:tags r:id="rId52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74" name="OTLSHAPE_T_63559816eeb3450fbd5cfee8cf07f8b6_StartDate" hidden="1"/>
          <p:cNvSpPr txBox="1"/>
          <p:nvPr>
            <p:custDataLst>
              <p:tags r:id="rId53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63559816eeb3450fbd5cfee8cf07f8b6_EndDate" hidden="1"/>
          <p:cNvSpPr txBox="1"/>
          <p:nvPr>
            <p:custDataLst>
              <p:tags r:id="rId54"/>
            </p:custDataLst>
          </p:nvPr>
        </p:nvSpPr>
        <p:spPr>
          <a:xfrm>
            <a:off x="-1" y="2725264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63559816eeb3450fbd5cfee8cf07f8b6_JoinedDate"/>
          <p:cNvSpPr txBox="1"/>
          <p:nvPr>
            <p:custDataLst>
              <p:tags r:id="rId55"/>
            </p:custDataLst>
          </p:nvPr>
        </p:nvSpPr>
        <p:spPr>
          <a:xfrm>
            <a:off x="2928089" y="2594362"/>
            <a:ext cx="939555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/16 - 11/7/16</a:t>
            </a:r>
          </a:p>
        </p:txBody>
      </p:sp>
      <p:sp>
        <p:nvSpPr>
          <p:cNvPr id="1277" name="OTLSHAPE_T_63559816eeb3450fbd5cfee8cf07f8b6_Title"/>
          <p:cNvSpPr txBox="1"/>
          <p:nvPr>
            <p:custDataLst>
              <p:tags r:id="rId56"/>
            </p:custDataLst>
          </p:nvPr>
        </p:nvSpPr>
        <p:spPr>
          <a:xfrm>
            <a:off x="126966" y="2586617"/>
            <a:ext cx="926859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latin typeface="Calibri" panose="020F0502020204030204" pitchFamily="34" charset="0"/>
              </a:rPr>
              <a:t>Report Creation</a:t>
            </a:r>
          </a:p>
        </p:txBody>
      </p:sp>
      <p:sp>
        <p:nvSpPr>
          <p:cNvPr id="1278" name="OTLSHAPE_T_5bc2bb8d83144d839f41b63b0ac49916_Shape"/>
          <p:cNvSpPr/>
          <p:nvPr>
            <p:custDataLst>
              <p:tags r:id="rId57"/>
            </p:custDataLst>
          </p:nvPr>
        </p:nvSpPr>
        <p:spPr>
          <a:xfrm>
            <a:off x="2877302" y="2836911"/>
            <a:ext cx="1460120" cy="203147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79" name="OTLSHAPE_T_5bc2bb8d83144d839f41b63b0ac49916_ShapePercentage" hidden="1"/>
          <p:cNvSpPr/>
          <p:nvPr>
            <p:custDataLst>
              <p:tags r:id="rId58"/>
            </p:custDataLst>
          </p:nvPr>
        </p:nvSpPr>
        <p:spPr>
          <a:xfrm>
            <a:off x="2877302" y="283691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0" name="OTLSHAPE_T_5bc2bb8d83144d839f41b63b0ac49916_Duration" hidden="1"/>
          <p:cNvSpPr txBox="1"/>
          <p:nvPr>
            <p:custDataLst>
              <p:tags r:id="rId59"/>
            </p:custDataLst>
          </p:nvPr>
        </p:nvSpPr>
        <p:spPr>
          <a:xfrm>
            <a:off x="0" y="283691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1" name="OTLSHAPE_T_5bc2bb8d83144d839f41b63b0ac49916_TextPercentage" hidden="1"/>
          <p:cNvSpPr txBox="1"/>
          <p:nvPr>
            <p:custDataLst>
              <p:tags r:id="rId60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82" name="OTLSHAPE_T_5bc2bb8d83144d839f41b63b0ac49916_StartDate" hidden="1"/>
          <p:cNvSpPr txBox="1"/>
          <p:nvPr>
            <p:custDataLst>
              <p:tags r:id="rId61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5bc2bb8d83144d839f41b63b0ac49916_EndDate" hidden="1"/>
          <p:cNvSpPr txBox="1"/>
          <p:nvPr>
            <p:custDataLst>
              <p:tags r:id="rId62"/>
            </p:custDataLst>
          </p:nvPr>
        </p:nvSpPr>
        <p:spPr>
          <a:xfrm>
            <a:off x="-1" y="299189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5bc2bb8d83144d839f41b63b0ac49916_JoinedDate"/>
          <p:cNvSpPr txBox="1"/>
          <p:nvPr>
            <p:custDataLst>
              <p:tags r:id="rId63"/>
            </p:custDataLst>
          </p:nvPr>
        </p:nvSpPr>
        <p:spPr>
          <a:xfrm>
            <a:off x="4380977" y="2860992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8/16 - 11/14/16</a:t>
            </a:r>
          </a:p>
        </p:txBody>
      </p:sp>
      <p:sp>
        <p:nvSpPr>
          <p:cNvPr id="1285" name="OTLSHAPE_T_5bc2bb8d83144d839f41b63b0ac49916_Title"/>
          <p:cNvSpPr txBox="1"/>
          <p:nvPr>
            <p:custDataLst>
              <p:tags r:id="rId64"/>
            </p:custDataLst>
          </p:nvPr>
        </p:nvSpPr>
        <p:spPr>
          <a:xfrm>
            <a:off x="126967" y="2853247"/>
            <a:ext cx="8506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latin typeface="Calibri" panose="020F0502020204030204" pitchFamily="34" charset="0"/>
              </a:rPr>
              <a:t>System Testing</a:t>
            </a:r>
          </a:p>
        </p:txBody>
      </p:sp>
      <p:sp>
        <p:nvSpPr>
          <p:cNvPr id="1286" name="OTLSHAPE_T_2245ca5ddd12457ca13319dd6c778f20_Shape"/>
          <p:cNvSpPr/>
          <p:nvPr>
            <p:custDataLst>
              <p:tags r:id="rId65"/>
            </p:custDataLst>
          </p:nvPr>
        </p:nvSpPr>
        <p:spPr>
          <a:xfrm>
            <a:off x="4330190" y="310354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87" name="OTLSHAPE_T_2245ca5ddd12457ca13319dd6c778f20_ShapePercentage" hidden="1"/>
          <p:cNvSpPr/>
          <p:nvPr>
            <p:custDataLst>
              <p:tags r:id="rId66"/>
            </p:custDataLst>
          </p:nvPr>
        </p:nvSpPr>
        <p:spPr>
          <a:xfrm>
            <a:off x="4330191" y="31035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88" name="OTLSHAPE_T_2245ca5ddd12457ca13319dd6c778f20_Duration" hidden="1"/>
          <p:cNvSpPr txBox="1"/>
          <p:nvPr>
            <p:custDataLst>
              <p:tags r:id="rId67"/>
            </p:custDataLst>
          </p:nvPr>
        </p:nvSpPr>
        <p:spPr>
          <a:xfrm>
            <a:off x="0" y="3103542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89" name="OTLSHAPE_T_2245ca5ddd12457ca13319dd6c778f20_TextPercentage" hidden="1"/>
          <p:cNvSpPr txBox="1"/>
          <p:nvPr>
            <p:custDataLst>
              <p:tags r:id="rId68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0" name="OTLSHAPE_T_2245ca5ddd12457ca13319dd6c778f20_StartDate" hidden="1"/>
          <p:cNvSpPr txBox="1"/>
          <p:nvPr>
            <p:custDataLst>
              <p:tags r:id="rId69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2245ca5ddd12457ca13319dd6c778f20_EndDate" hidden="1"/>
          <p:cNvSpPr txBox="1"/>
          <p:nvPr>
            <p:custDataLst>
              <p:tags r:id="rId70"/>
            </p:custDataLst>
          </p:nvPr>
        </p:nvSpPr>
        <p:spPr>
          <a:xfrm>
            <a:off x="-1" y="3258525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2245ca5ddd12457ca13319dd6c778f20_JoinedDate"/>
          <p:cNvSpPr txBox="1"/>
          <p:nvPr>
            <p:custDataLst>
              <p:tags r:id="rId71"/>
            </p:custDataLst>
          </p:nvPr>
        </p:nvSpPr>
        <p:spPr>
          <a:xfrm>
            <a:off x="5833867" y="312762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15/16 - 11/21/16</a:t>
            </a:r>
          </a:p>
        </p:txBody>
      </p:sp>
      <p:sp>
        <p:nvSpPr>
          <p:cNvPr id="1293" name="OTLSHAPE_T_2245ca5ddd12457ca13319dd6c778f20_Title"/>
          <p:cNvSpPr txBox="1"/>
          <p:nvPr>
            <p:custDataLst>
              <p:tags r:id="rId72"/>
            </p:custDataLst>
          </p:nvPr>
        </p:nvSpPr>
        <p:spPr>
          <a:xfrm>
            <a:off x="126966" y="3119878"/>
            <a:ext cx="469778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294" name="OTLSHAPE_T_3d8fa01f968446e58dfd9e374eb48b38_Shape"/>
          <p:cNvSpPr/>
          <p:nvPr>
            <p:custDataLst>
              <p:tags r:id="rId73"/>
            </p:custDataLst>
          </p:nvPr>
        </p:nvSpPr>
        <p:spPr>
          <a:xfrm>
            <a:off x="5783080" y="3370172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295" name="OTLSHAPE_T_3d8fa01f968446e58dfd9e374eb48b38_ShapePercentage" hidden="1"/>
          <p:cNvSpPr/>
          <p:nvPr>
            <p:custDataLst>
              <p:tags r:id="rId74"/>
            </p:custDataLst>
          </p:nvPr>
        </p:nvSpPr>
        <p:spPr>
          <a:xfrm>
            <a:off x="5783080" y="337017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296" name="OTLSHAPE_T_3d8fa01f968446e58dfd9e374eb48b38_Duration" hidden="1"/>
          <p:cNvSpPr txBox="1"/>
          <p:nvPr>
            <p:custDataLst>
              <p:tags r:id="rId75"/>
            </p:custDataLst>
          </p:nvPr>
        </p:nvSpPr>
        <p:spPr>
          <a:xfrm>
            <a:off x="0" y="337017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7" name="OTLSHAPE_T_3d8fa01f968446e58dfd9e374eb48b38_TextPercentage" hidden="1"/>
          <p:cNvSpPr txBox="1"/>
          <p:nvPr>
            <p:custDataLst>
              <p:tags r:id="rId76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98" name="OTLSHAPE_T_3d8fa01f968446e58dfd9e374eb48b38_StartDate" hidden="1"/>
          <p:cNvSpPr txBox="1"/>
          <p:nvPr>
            <p:custDataLst>
              <p:tags r:id="rId77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3d8fa01f968446e58dfd9e374eb48b38_EndDate" hidden="1"/>
          <p:cNvSpPr txBox="1"/>
          <p:nvPr>
            <p:custDataLst>
              <p:tags r:id="rId78"/>
            </p:custDataLst>
          </p:nvPr>
        </p:nvSpPr>
        <p:spPr>
          <a:xfrm>
            <a:off x="-1" y="352515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3d8fa01f968446e58dfd9e374eb48b38_JoinedDate"/>
          <p:cNvSpPr txBox="1"/>
          <p:nvPr>
            <p:custDataLst>
              <p:tags r:id="rId79"/>
            </p:custDataLst>
          </p:nvPr>
        </p:nvSpPr>
        <p:spPr>
          <a:xfrm>
            <a:off x="7286756" y="3394253"/>
            <a:ext cx="1066522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2/16 - 11/28/16</a:t>
            </a:r>
          </a:p>
        </p:txBody>
      </p:sp>
      <p:sp>
        <p:nvSpPr>
          <p:cNvPr id="1301" name="OTLSHAPE_T_3d8fa01f968446e58dfd9e374eb48b38_Title"/>
          <p:cNvSpPr txBox="1"/>
          <p:nvPr>
            <p:custDataLst>
              <p:tags r:id="rId80"/>
            </p:custDataLst>
          </p:nvPr>
        </p:nvSpPr>
        <p:spPr>
          <a:xfrm>
            <a:off x="126966" y="3386508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latin typeface="Calibri" panose="020F0502020204030204" pitchFamily="34" charset="0"/>
              </a:rPr>
              <a:t>System Development Part 1</a:t>
            </a:r>
          </a:p>
        </p:txBody>
      </p:sp>
      <p:sp>
        <p:nvSpPr>
          <p:cNvPr id="1302" name="OTLSHAPE_T_42b20a8eebc34f5c99627bc04279df3a_Shape"/>
          <p:cNvSpPr/>
          <p:nvPr>
            <p:custDataLst>
              <p:tags r:id="rId81"/>
            </p:custDataLst>
          </p:nvPr>
        </p:nvSpPr>
        <p:spPr>
          <a:xfrm>
            <a:off x="7235968" y="363680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03" name="OTLSHAPE_T_42b20a8eebc34f5c99627bc04279df3a_ShapePercentage" hidden="1"/>
          <p:cNvSpPr/>
          <p:nvPr>
            <p:custDataLst>
              <p:tags r:id="rId82"/>
            </p:custDataLst>
          </p:nvPr>
        </p:nvSpPr>
        <p:spPr>
          <a:xfrm>
            <a:off x="7235969" y="363680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04" name="OTLSHAPE_T_42b20a8eebc34f5c99627bc04279df3a_Duration" hidden="1"/>
          <p:cNvSpPr txBox="1"/>
          <p:nvPr>
            <p:custDataLst>
              <p:tags r:id="rId83"/>
            </p:custDataLst>
          </p:nvPr>
        </p:nvSpPr>
        <p:spPr>
          <a:xfrm>
            <a:off x="0" y="3636803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05" name="OTLSHAPE_T_42b20a8eebc34f5c99627bc04279df3a_TextPercentage" hidden="1"/>
          <p:cNvSpPr txBox="1"/>
          <p:nvPr>
            <p:custDataLst>
              <p:tags r:id="rId84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06" name="OTLSHAPE_T_42b20a8eebc34f5c99627bc04279df3a_StartDate" hidden="1"/>
          <p:cNvSpPr txBox="1"/>
          <p:nvPr>
            <p:custDataLst>
              <p:tags r:id="rId85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2b20a8eebc34f5c99627bc04279df3a_EndDate" hidden="1"/>
          <p:cNvSpPr txBox="1"/>
          <p:nvPr>
            <p:custDataLst>
              <p:tags r:id="rId86"/>
            </p:custDataLst>
          </p:nvPr>
        </p:nvSpPr>
        <p:spPr>
          <a:xfrm>
            <a:off x="-1" y="3791786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2b20a8eebc34f5c99627bc04279df3a_JoinedDate"/>
          <p:cNvSpPr txBox="1"/>
          <p:nvPr>
            <p:custDataLst>
              <p:tags r:id="rId87"/>
            </p:custDataLst>
          </p:nvPr>
        </p:nvSpPr>
        <p:spPr>
          <a:xfrm>
            <a:off x="8739644" y="366088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1/29/16 - 12/5/16</a:t>
            </a:r>
          </a:p>
        </p:txBody>
      </p:sp>
      <p:sp>
        <p:nvSpPr>
          <p:cNvPr id="1309" name="OTLSHAPE_T_42b20a8eebc34f5c99627bc04279df3a_Title"/>
          <p:cNvSpPr txBox="1"/>
          <p:nvPr>
            <p:custDataLst>
              <p:tags r:id="rId88"/>
            </p:custDataLst>
          </p:nvPr>
        </p:nvSpPr>
        <p:spPr>
          <a:xfrm>
            <a:off x="126966" y="365313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2</a:t>
            </a:r>
          </a:p>
        </p:txBody>
      </p:sp>
      <p:sp>
        <p:nvSpPr>
          <p:cNvPr id="1310" name="OTLSHAPE_T_1b3131008aa04c81b00eb74433120cd8_Shape"/>
          <p:cNvSpPr/>
          <p:nvPr>
            <p:custDataLst>
              <p:tags r:id="rId89"/>
            </p:custDataLst>
          </p:nvPr>
        </p:nvSpPr>
        <p:spPr>
          <a:xfrm>
            <a:off x="8688857" y="3903433"/>
            <a:ext cx="1460120" cy="203147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1" name="OTLSHAPE_T_1b3131008aa04c81b00eb74433120cd8_ShapePercentage" hidden="1"/>
          <p:cNvSpPr/>
          <p:nvPr>
            <p:custDataLst>
              <p:tags r:id="rId90"/>
            </p:custDataLst>
          </p:nvPr>
        </p:nvSpPr>
        <p:spPr>
          <a:xfrm>
            <a:off x="8688857" y="390343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12" name="OTLSHAPE_T_1b3131008aa04c81b00eb74433120cd8_Duration" hidden="1"/>
          <p:cNvSpPr txBox="1"/>
          <p:nvPr>
            <p:custDataLst>
              <p:tags r:id="rId91"/>
            </p:custDataLst>
          </p:nvPr>
        </p:nvSpPr>
        <p:spPr>
          <a:xfrm>
            <a:off x="0" y="3903434"/>
            <a:ext cx="330114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13" name="OTLSHAPE_T_1b3131008aa04c81b00eb74433120cd8_TextPercentage" hidden="1"/>
          <p:cNvSpPr txBox="1"/>
          <p:nvPr>
            <p:custDataLst>
              <p:tags r:id="rId92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14" name="OTLSHAPE_T_1b3131008aa04c81b00eb74433120cd8_StartDate" hidden="1"/>
          <p:cNvSpPr txBox="1"/>
          <p:nvPr>
            <p:custDataLst>
              <p:tags r:id="rId93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1b3131008aa04c81b00eb74433120cd8_EndDate" hidden="1"/>
          <p:cNvSpPr txBox="1"/>
          <p:nvPr>
            <p:custDataLst>
              <p:tags r:id="rId94"/>
            </p:custDataLst>
          </p:nvPr>
        </p:nvSpPr>
        <p:spPr>
          <a:xfrm>
            <a:off x="-1" y="4058417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1b3131008aa04c81b00eb74433120cd8_JoinedDate"/>
          <p:cNvSpPr txBox="1"/>
          <p:nvPr>
            <p:custDataLst>
              <p:tags r:id="rId95"/>
            </p:custDataLst>
          </p:nvPr>
        </p:nvSpPr>
        <p:spPr>
          <a:xfrm>
            <a:off x="10192533" y="3927514"/>
            <a:ext cx="1003039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latin typeface="Calibri" panose="020F0502020204030204" pitchFamily="34" charset="0"/>
              </a:rPr>
              <a:t>12/6/16 - 12/12/16</a:t>
            </a:r>
          </a:p>
        </p:txBody>
      </p:sp>
      <p:sp>
        <p:nvSpPr>
          <p:cNvPr id="1317" name="OTLSHAPE_T_1b3131008aa04c81b00eb74433120cd8_Title"/>
          <p:cNvSpPr txBox="1"/>
          <p:nvPr>
            <p:custDataLst>
              <p:tags r:id="rId96"/>
            </p:custDataLst>
          </p:nvPr>
        </p:nvSpPr>
        <p:spPr>
          <a:xfrm>
            <a:off x="126966" y="3919769"/>
            <a:ext cx="1612480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System Development Part 3</a:t>
            </a:r>
          </a:p>
        </p:txBody>
      </p:sp>
      <p:sp>
        <p:nvSpPr>
          <p:cNvPr id="1318" name="OTLSHAPE_T_f90224027dac4a9a83f485826a3ac13c_Shape"/>
          <p:cNvSpPr/>
          <p:nvPr>
            <p:custDataLst>
              <p:tags r:id="rId97"/>
            </p:custDataLst>
          </p:nvPr>
        </p:nvSpPr>
        <p:spPr>
          <a:xfrm>
            <a:off x="10141747" y="4170064"/>
            <a:ext cx="215844" cy="203147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>
              <a:solidFill>
                <a:schemeClr val="tx1"/>
              </a:solidFill>
            </a:endParaRPr>
          </a:p>
        </p:txBody>
      </p:sp>
      <p:sp>
        <p:nvSpPr>
          <p:cNvPr id="1319" name="OTLSHAPE_T_f90224027dac4a9a83f485826a3ac13c_ShapePercentage" hidden="1"/>
          <p:cNvSpPr/>
          <p:nvPr>
            <p:custDataLst>
              <p:tags r:id="rId98"/>
            </p:custDataLst>
          </p:nvPr>
        </p:nvSpPr>
        <p:spPr>
          <a:xfrm>
            <a:off x="10141747" y="417006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99"/>
          </a:p>
        </p:txBody>
      </p:sp>
      <p:sp>
        <p:nvSpPr>
          <p:cNvPr id="1320" name="OTLSHAPE_T_f90224027dac4a9a83f485826a3ac13c_Duration" hidden="1"/>
          <p:cNvSpPr txBox="1"/>
          <p:nvPr>
            <p:custDataLst>
              <p:tags r:id="rId99"/>
            </p:custDataLst>
          </p:nvPr>
        </p:nvSpPr>
        <p:spPr>
          <a:xfrm>
            <a:off x="0" y="4170064"/>
            <a:ext cx="279327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321" name="OTLSHAPE_T_f90224027dac4a9a83f485826a3ac13c_TextPercentage" hidden="1"/>
          <p:cNvSpPr txBox="1"/>
          <p:nvPr>
            <p:custDataLst>
              <p:tags r:id="rId100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2" name="OTLSHAPE_T_f90224027dac4a9a83f485826a3ac13c_StartDate" hidden="1"/>
          <p:cNvSpPr txBox="1"/>
          <p:nvPr>
            <p:custDataLst>
              <p:tags r:id="rId101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f90224027dac4a9a83f485826a3ac13c_EndDate" hidden="1"/>
          <p:cNvSpPr txBox="1"/>
          <p:nvPr>
            <p:custDataLst>
              <p:tags r:id="rId102"/>
            </p:custDataLst>
          </p:nvPr>
        </p:nvSpPr>
        <p:spPr>
          <a:xfrm>
            <a:off x="-1" y="4325048"/>
            <a:ext cx="0" cy="1538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f90224027dac4a9a83f485826a3ac13c_JoinedDate"/>
          <p:cNvSpPr txBox="1"/>
          <p:nvPr>
            <p:custDataLst>
              <p:tags r:id="rId103"/>
            </p:custDataLst>
          </p:nvPr>
        </p:nvSpPr>
        <p:spPr>
          <a:xfrm>
            <a:off x="10400088" y="4194145"/>
            <a:ext cx="495171" cy="154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latin typeface="Calibri" panose="020F0502020204030204" pitchFamily="34" charset="0"/>
              </a:rPr>
              <a:t>12/13/16</a:t>
            </a:r>
          </a:p>
        </p:txBody>
      </p:sp>
      <p:sp>
        <p:nvSpPr>
          <p:cNvPr id="1325" name="OTLSHAPE_T_f90224027dac4a9a83f485826a3ac13c_Title"/>
          <p:cNvSpPr txBox="1"/>
          <p:nvPr>
            <p:custDataLst>
              <p:tags r:id="rId104"/>
            </p:custDataLst>
          </p:nvPr>
        </p:nvSpPr>
        <p:spPr>
          <a:xfrm>
            <a:off x="126966" y="4186400"/>
            <a:ext cx="749105" cy="1704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latin typeface="Calibri" panose="020F0502020204030204" pitchFamily="34" charset="0"/>
              </a:rPr>
              <a:t>Present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274722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EVER HEALTH INTERVIEW SCHEDULE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 smtClean="0"/>
              <a:t>GYM CEO – Jason Zander</a:t>
            </a:r>
          </a:p>
          <a:p>
            <a:pPr lvl="1"/>
            <a:r>
              <a:rPr lang="en-US" sz="3200" dirty="0" smtClean="0"/>
              <a:t>Location: CEO’s Office</a:t>
            </a:r>
          </a:p>
          <a:p>
            <a:pPr lvl="1"/>
            <a:r>
              <a:rPr lang="en-US" sz="3200" dirty="0" smtClean="0"/>
              <a:t>Time: Scheduled Appointment</a:t>
            </a:r>
          </a:p>
          <a:p>
            <a:pPr lvl="1"/>
            <a:r>
              <a:rPr lang="en-US" sz="3200" dirty="0" smtClean="0"/>
              <a:t>Questions:</a:t>
            </a:r>
          </a:p>
          <a:p>
            <a:pPr lvl="2"/>
            <a:r>
              <a:rPr lang="en-US" dirty="0" smtClean="0"/>
              <a:t>How do you feel your operation is running as of now? What parts of that do you think could be fixed with a new information system?</a:t>
            </a:r>
          </a:p>
          <a:p>
            <a:pPr lvl="2"/>
            <a:r>
              <a:rPr lang="en-US" dirty="0" smtClean="0"/>
              <a:t>What statement would you like this newly implemented system to make?</a:t>
            </a:r>
          </a:p>
          <a:p>
            <a:pPr lvl="2"/>
            <a:r>
              <a:rPr lang="en-US" dirty="0" smtClean="0"/>
              <a:t>What are your top priorities when it comes to the average member?</a:t>
            </a:r>
          </a:p>
          <a:p>
            <a:pPr lvl="2"/>
            <a:r>
              <a:rPr lang="en-US" dirty="0" smtClean="0"/>
              <a:t>What information would you like the new system to compile?</a:t>
            </a:r>
          </a:p>
          <a:p>
            <a:pPr lvl="2"/>
            <a:r>
              <a:rPr lang="en-US" dirty="0" smtClean="0"/>
              <a:t>What would the ideal situation of your business look like after the system has been implemented?</a:t>
            </a:r>
          </a:p>
        </p:txBody>
      </p:sp>
    </p:spTree>
    <p:extLst>
      <p:ext uri="{BB962C8B-B14F-4D97-AF65-F5344CB8AC3E}">
        <p14:creationId xmlns:p14="http://schemas.microsoft.com/office/powerpoint/2010/main" val="271013149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4900" b="1" dirty="0"/>
              <a:t>EAGLE </a:t>
            </a:r>
            <a:r>
              <a:rPr lang="en-US" sz="4900" b="1" dirty="0"/>
              <a:t>CONSULTING</a:t>
            </a:r>
            <a:r>
              <a:rPr lang="en-US" sz="4799" b="1" dirty="0"/>
              <a:t/>
            </a:r>
            <a:br>
              <a:rPr lang="en-US" sz="4799" b="1" dirty="0"/>
            </a:br>
            <a:r>
              <a:rPr lang="en-US" sz="3599" b="1" dirty="0" smtClean="0"/>
              <a:t>About Us</a:t>
            </a:r>
            <a:endParaRPr lang="en-US" sz="35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199" dirty="0"/>
              <a:t>IT Consultancy and contracting agency for over 20 years</a:t>
            </a:r>
            <a:endParaRPr lang="en-US" sz="3199" dirty="0"/>
          </a:p>
          <a:p>
            <a:r>
              <a:rPr lang="en-US" sz="3199" dirty="0"/>
              <a:t>Founded in 1995</a:t>
            </a:r>
          </a:p>
          <a:p>
            <a:r>
              <a:rPr lang="en-US" sz="3199" dirty="0"/>
              <a:t>Goal </a:t>
            </a:r>
            <a:r>
              <a:rPr lang="en-US" sz="3199" dirty="0"/>
              <a:t>of assisting businesses in staying up to date with the technological world around </a:t>
            </a:r>
            <a:r>
              <a:rPr lang="en-US" sz="3199" dirty="0"/>
              <a:t>them</a:t>
            </a:r>
          </a:p>
          <a:p>
            <a:r>
              <a:rPr lang="en-US" sz="3199" dirty="0"/>
              <a:t>Acts as “Middle Man” for bringing close and personalized technology services to businesses in need</a:t>
            </a:r>
            <a:endParaRPr lang="en-US" sz="3199" dirty="0"/>
          </a:p>
        </p:txBody>
      </p:sp>
    </p:spTree>
    <p:extLst>
      <p:ext uri="{BB962C8B-B14F-4D97-AF65-F5344CB8AC3E}">
        <p14:creationId xmlns:p14="http://schemas.microsoft.com/office/powerpoint/2010/main" val="378137423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EVER HEALTH INTERVIEW SCHEDULE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3200" dirty="0" smtClean="0"/>
              <a:t>GYM MANAGERS – most profitable/least profitable locations</a:t>
            </a:r>
          </a:p>
          <a:p>
            <a:pPr lvl="1"/>
            <a:r>
              <a:rPr lang="en-US" sz="3200" dirty="0" smtClean="0"/>
              <a:t>Location: Local Gym Offices</a:t>
            </a:r>
          </a:p>
          <a:p>
            <a:pPr lvl="1"/>
            <a:r>
              <a:rPr lang="en-US" sz="3200" dirty="0" smtClean="0"/>
              <a:t>Time: Scheduled Day Appointment</a:t>
            </a:r>
          </a:p>
          <a:p>
            <a:pPr lvl="1"/>
            <a:r>
              <a:rPr lang="en-US" sz="3200" dirty="0" smtClean="0"/>
              <a:t>Questions:</a:t>
            </a:r>
          </a:p>
          <a:p>
            <a:pPr lvl="2"/>
            <a:r>
              <a:rPr lang="en-US" dirty="0" smtClean="0"/>
              <a:t>What day to day problems do you experience?</a:t>
            </a:r>
          </a:p>
          <a:p>
            <a:pPr lvl="2"/>
            <a:r>
              <a:rPr lang="en-US" dirty="0" smtClean="0"/>
              <a:t>What are the most common complaints that you experience?</a:t>
            </a:r>
          </a:p>
          <a:p>
            <a:pPr lvl="2"/>
            <a:r>
              <a:rPr lang="en-US" dirty="0" smtClean="0"/>
              <a:t>How do you feel your operation is running as of now? What parts of that do you think could be fixed with a new information system?</a:t>
            </a:r>
          </a:p>
          <a:p>
            <a:pPr lvl="2"/>
            <a:r>
              <a:rPr lang="en-US" dirty="0" smtClean="0"/>
              <a:t>What would the ideal, day to day situation of your business look like after the system has been implemented?</a:t>
            </a:r>
          </a:p>
        </p:txBody>
      </p:sp>
    </p:spTree>
    <p:extLst>
      <p:ext uri="{BB962C8B-B14F-4D97-AF65-F5344CB8AC3E}">
        <p14:creationId xmlns:p14="http://schemas.microsoft.com/office/powerpoint/2010/main" val="353084934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EVER HEALTH INTERVIEW SCHEDULE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 smtClean="0"/>
              <a:t>GYM </a:t>
            </a:r>
            <a:r>
              <a:rPr lang="en-US" sz="3200" dirty="0" smtClean="0"/>
              <a:t>MEMBERS – anonymous survey</a:t>
            </a:r>
          </a:p>
          <a:p>
            <a:pPr lvl="1"/>
            <a:r>
              <a:rPr lang="en-US" sz="3200" dirty="0" smtClean="0"/>
              <a:t>Location: N/A</a:t>
            </a:r>
          </a:p>
          <a:p>
            <a:pPr lvl="1"/>
            <a:r>
              <a:rPr lang="en-US" sz="3200" dirty="0" smtClean="0"/>
              <a:t>Time: N/A</a:t>
            </a:r>
          </a:p>
          <a:p>
            <a:pPr lvl="1"/>
            <a:r>
              <a:rPr lang="en-US" sz="3200" dirty="0" smtClean="0"/>
              <a:t>Questions:</a:t>
            </a:r>
          </a:p>
          <a:p>
            <a:pPr lvl="2"/>
            <a:r>
              <a:rPr lang="en-US" dirty="0" smtClean="0"/>
              <a:t>What do you feel that your gym handles well?</a:t>
            </a:r>
          </a:p>
          <a:p>
            <a:pPr lvl="2"/>
            <a:r>
              <a:rPr lang="en-US" dirty="0" smtClean="0"/>
              <a:t>What are the areas that the gym is lacking in?</a:t>
            </a:r>
          </a:p>
          <a:p>
            <a:pPr lvl="2"/>
            <a:r>
              <a:rPr lang="en-US" dirty="0" smtClean="0"/>
              <a:t>Would you prefer to register, renew, or cancel your membership online?</a:t>
            </a:r>
          </a:p>
          <a:p>
            <a:pPr lvl="2"/>
            <a:r>
              <a:rPr lang="en-US" dirty="0" smtClean="0"/>
              <a:t>What improvements would you like to see with the website?</a:t>
            </a:r>
          </a:p>
          <a:p>
            <a:pPr lvl="2"/>
            <a:r>
              <a:rPr lang="en-US" dirty="0" smtClean="0"/>
              <a:t>What information would you like available to you?</a:t>
            </a:r>
          </a:p>
        </p:txBody>
      </p:sp>
    </p:spTree>
    <p:extLst>
      <p:ext uri="{BB962C8B-B14F-4D97-AF65-F5344CB8AC3E}">
        <p14:creationId xmlns:p14="http://schemas.microsoft.com/office/powerpoint/2010/main" val="49897921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AGLE </a:t>
            </a:r>
            <a:r>
              <a:rPr lang="en-US" sz="4400" b="1" dirty="0"/>
              <a:t>CONSULTING</a:t>
            </a:r>
            <a:r>
              <a:rPr lang="en-US" sz="4299" b="1" dirty="0"/>
              <a:t/>
            </a:r>
            <a:br>
              <a:rPr lang="en-US" sz="4299" b="1" dirty="0"/>
            </a:br>
            <a:r>
              <a:rPr lang="en-US" sz="3199" b="1" dirty="0"/>
              <a:t>Mission</a:t>
            </a:r>
            <a:endParaRPr lang="en-US" sz="31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3200" dirty="0" smtClean="0"/>
              <a:t>To stay </a:t>
            </a:r>
            <a:r>
              <a:rPr lang="en-US" sz="3200" dirty="0"/>
              <a:t>up to date on current IT developments so that we may provide the most effective solution for your specific business </a:t>
            </a:r>
            <a:r>
              <a:rPr lang="en-US" sz="3200" dirty="0"/>
              <a:t>needs</a:t>
            </a:r>
          </a:p>
          <a:p>
            <a:r>
              <a:rPr lang="en-US" sz="3200" dirty="0"/>
              <a:t>Aim </a:t>
            </a:r>
            <a:r>
              <a:rPr lang="en-US" sz="3200" dirty="0"/>
              <a:t>to provide a fast, efficient, and most importantly effective IT </a:t>
            </a:r>
            <a:r>
              <a:rPr lang="en-US" sz="3200" dirty="0"/>
              <a:t>answers</a:t>
            </a:r>
          </a:p>
          <a:p>
            <a:r>
              <a:rPr lang="en-US" sz="3200" dirty="0"/>
              <a:t>Save </a:t>
            </a:r>
            <a:r>
              <a:rPr lang="en-US" sz="3200" dirty="0"/>
              <a:t>you time and </a:t>
            </a:r>
            <a:r>
              <a:rPr lang="en-US" sz="3200" dirty="0"/>
              <a:t>money</a:t>
            </a:r>
          </a:p>
          <a:p>
            <a:r>
              <a:rPr lang="en-US" sz="3200" dirty="0"/>
              <a:t>Have </a:t>
            </a:r>
            <a:r>
              <a:rPr lang="en-US" sz="3200" dirty="0"/>
              <a:t>a positive effect on the clientele you </a:t>
            </a:r>
            <a:r>
              <a:rPr lang="en-US" sz="2799" dirty="0"/>
              <a:t>closely interact </a:t>
            </a:r>
            <a:r>
              <a:rPr lang="en-US" sz="2799" dirty="0"/>
              <a:t>with</a:t>
            </a:r>
            <a:endParaRPr lang="en-US" sz="2799" dirty="0"/>
          </a:p>
        </p:txBody>
      </p:sp>
    </p:spTree>
    <p:extLst>
      <p:ext uri="{BB962C8B-B14F-4D97-AF65-F5344CB8AC3E}">
        <p14:creationId xmlns:p14="http://schemas.microsoft.com/office/powerpoint/2010/main" val="298596547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/>
              <a:t>EAGLE </a:t>
            </a:r>
            <a:r>
              <a:rPr lang="en-US" sz="4400" b="1" dirty="0"/>
              <a:t>CONSULTING</a:t>
            </a:r>
            <a:r>
              <a:rPr lang="en-US" sz="4299" b="1" dirty="0"/>
              <a:t/>
            </a:r>
            <a:br>
              <a:rPr lang="en-US" sz="4299" b="1" dirty="0"/>
            </a:br>
            <a:r>
              <a:rPr lang="en-US" sz="3199" b="1" dirty="0"/>
              <a:t>Vision</a:t>
            </a:r>
            <a:endParaRPr lang="en-US" sz="31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199" dirty="0"/>
              <a:t>Facilitate </a:t>
            </a:r>
            <a:r>
              <a:rPr lang="en-US" sz="3199" dirty="0"/>
              <a:t>an ever increasing amount of </a:t>
            </a:r>
            <a:r>
              <a:rPr lang="en-US" sz="3199" dirty="0" smtClean="0"/>
              <a:t>information </a:t>
            </a:r>
            <a:r>
              <a:rPr lang="en-US" sz="3199" dirty="0"/>
              <a:t>t</a:t>
            </a:r>
            <a:r>
              <a:rPr lang="en-US" sz="3199" dirty="0" smtClean="0"/>
              <a:t>echnology solutions</a:t>
            </a:r>
            <a:endParaRPr lang="en-US" sz="3199" dirty="0"/>
          </a:p>
          <a:p>
            <a:r>
              <a:rPr lang="en-US" sz="3199" dirty="0"/>
              <a:t>Our </a:t>
            </a:r>
            <a:r>
              <a:rPr lang="en-US" sz="3199" dirty="0"/>
              <a:t>desire is to constantly learn and develop new </a:t>
            </a:r>
            <a:r>
              <a:rPr lang="en-US" sz="3199" dirty="0"/>
              <a:t>techniques</a:t>
            </a:r>
          </a:p>
          <a:p>
            <a:r>
              <a:rPr lang="en-US" sz="3199" dirty="0"/>
              <a:t>Aim </a:t>
            </a:r>
            <a:r>
              <a:rPr lang="en-US" sz="3199" dirty="0"/>
              <a:t>is to be the best at understanding what makes your company </a:t>
            </a:r>
            <a:r>
              <a:rPr lang="en-US" sz="3199" dirty="0"/>
              <a:t>special</a:t>
            </a:r>
            <a:r>
              <a:rPr lang="en-US" sz="3199" dirty="0"/>
              <a:t> </a:t>
            </a:r>
            <a:r>
              <a:rPr lang="en-US" sz="3199" dirty="0"/>
              <a:t>to provide the best </a:t>
            </a:r>
            <a:r>
              <a:rPr lang="en-US" sz="3199" dirty="0"/>
              <a:t>i</a:t>
            </a:r>
            <a:r>
              <a:rPr lang="en-US" sz="3199" dirty="0" smtClean="0"/>
              <a:t>nformation </a:t>
            </a:r>
            <a:r>
              <a:rPr lang="en-US" sz="3199" dirty="0"/>
              <a:t>t</a:t>
            </a:r>
            <a:r>
              <a:rPr lang="en-US" sz="3199" dirty="0" smtClean="0"/>
              <a:t>echnology </a:t>
            </a:r>
            <a:r>
              <a:rPr lang="en-US" sz="3199" dirty="0"/>
              <a:t>solution for </a:t>
            </a:r>
            <a:r>
              <a:rPr lang="en-US" sz="3199" dirty="0" smtClean="0"/>
              <a:t>you</a:t>
            </a:r>
            <a:endParaRPr lang="en-US" sz="3199" dirty="0"/>
          </a:p>
        </p:txBody>
      </p:sp>
    </p:spTree>
    <p:extLst>
      <p:ext uri="{BB962C8B-B14F-4D97-AF65-F5344CB8AC3E}">
        <p14:creationId xmlns:p14="http://schemas.microsoft.com/office/powerpoint/2010/main" val="103334505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 smtClean="0"/>
              <a:t>EVER HEALTH</a:t>
            </a:r>
            <a:r>
              <a:rPr lang="en-US" sz="4299" b="1" dirty="0" smtClean="0"/>
              <a:t/>
            </a:r>
            <a:br>
              <a:rPr lang="en-US" sz="4299" b="1" dirty="0" smtClean="0"/>
            </a:br>
            <a:r>
              <a:rPr lang="en-US" sz="3199" b="1" dirty="0" smtClean="0"/>
              <a:t>About Them</a:t>
            </a:r>
            <a:endParaRPr lang="en-US" sz="31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A chain of fitness centers operating nationwide 24/7</a:t>
            </a:r>
          </a:p>
          <a:p>
            <a:r>
              <a:rPr lang="en-US" sz="3200" dirty="0"/>
              <a:t>In 1973 two retired coaches, Henry Truman and Michael Hatch opened the first center in Columbus, Ohio</a:t>
            </a:r>
          </a:p>
          <a:p>
            <a:r>
              <a:rPr lang="en-US" sz="3200" dirty="0"/>
              <a:t>Prides itself not only on equipment and technology, but also an amazing atmosphere, a tradition of welcome, and unique experience found nowhere else</a:t>
            </a:r>
          </a:p>
          <a:p>
            <a:r>
              <a:rPr lang="en-US" sz="3200" dirty="0"/>
              <a:t>Their corporate location currently operates out of Columbus, Ohio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296310246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 b="1" dirty="0" smtClean="0"/>
              <a:t>EVER HEALTH</a:t>
            </a:r>
            <a:r>
              <a:rPr lang="en-US" sz="4299" b="1" dirty="0" smtClean="0"/>
              <a:t/>
            </a:r>
            <a:br>
              <a:rPr lang="en-US" sz="4299" b="1" dirty="0" smtClean="0"/>
            </a:br>
            <a:r>
              <a:rPr lang="en-US" sz="3199" b="1" dirty="0" smtClean="0"/>
              <a:t>Mission</a:t>
            </a:r>
            <a:endParaRPr lang="en-US" sz="3199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G</a:t>
            </a:r>
            <a:r>
              <a:rPr lang="en-US" sz="3200" dirty="0" smtClean="0"/>
              <a:t>oal </a:t>
            </a:r>
            <a:r>
              <a:rPr lang="en-US" sz="3200" dirty="0"/>
              <a:t>is to provide an environment that promotes accessibility to fitness equipment and knowledge to anyone that needs it</a:t>
            </a:r>
          </a:p>
          <a:p>
            <a:r>
              <a:rPr lang="en-US" sz="3200" dirty="0" smtClean="0"/>
              <a:t>Aims </a:t>
            </a:r>
            <a:r>
              <a:rPr lang="en-US" sz="3200" dirty="0"/>
              <a:t>to give you the tools necessary to start and maintain a healthy lifestyle</a:t>
            </a:r>
          </a:p>
          <a:p>
            <a:r>
              <a:rPr lang="en-US" sz="3200" dirty="0"/>
              <a:t>Maintaining a comfortable and welcoming experience</a:t>
            </a:r>
          </a:p>
          <a:p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356295824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1340770" y="305614"/>
            <a:ext cx="9507284" cy="533261"/>
          </a:xfrm>
        </p:spPr>
        <p:txBody>
          <a:bodyPr>
            <a:noAutofit/>
          </a:bodyPr>
          <a:lstStyle/>
          <a:p>
            <a:pPr algn="ctr"/>
            <a:r>
              <a:rPr lang="en-US" sz="4400" b="1" dirty="0" smtClean="0"/>
              <a:t>EVER HEALTH ORGANIZATIONAL CHART</a:t>
            </a:r>
            <a:endParaRPr lang="en-US" sz="4400" b="1" dirty="0"/>
          </a:p>
        </p:txBody>
      </p:sp>
      <p:graphicFrame>
        <p:nvGraphicFramePr>
          <p:cNvPr id="6" name="Content Placeholder 5" descr="Hierarchy" title="SmartArt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12860977"/>
              </p:ext>
            </p:extLst>
          </p:nvPr>
        </p:nvGraphicFramePr>
        <p:xfrm>
          <a:off x="1141412" y="838875"/>
          <a:ext cx="10665222" cy="563733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79039978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40770" y="468131"/>
            <a:ext cx="9507284" cy="675464"/>
          </a:xfrm>
        </p:spPr>
        <p:txBody>
          <a:bodyPr/>
          <a:lstStyle/>
          <a:p>
            <a:r>
              <a:rPr lang="en-US" b="1" dirty="0" smtClean="0"/>
              <a:t>EVER HEALTH - 15 LOCATIONS</a:t>
            </a:r>
            <a:endParaRPr lang="en-US" b="1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643037645"/>
              </p:ext>
            </p:extLst>
          </p:nvPr>
        </p:nvGraphicFramePr>
        <p:xfrm>
          <a:off x="1341088" y="1372136"/>
          <a:ext cx="9506649" cy="46565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41553247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b="1" dirty="0" smtClean="0"/>
              <a:t>THE PROBLEM</a:t>
            </a:r>
            <a:endParaRPr lang="en-US" sz="4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200" dirty="0"/>
              <a:t>Ever Health </a:t>
            </a:r>
            <a:r>
              <a:rPr lang="en-US" sz="3200" dirty="0" smtClean="0"/>
              <a:t>website </a:t>
            </a:r>
            <a:r>
              <a:rPr lang="en-US" sz="3200" dirty="0"/>
              <a:t>is outdated and lacks any type of client functionality</a:t>
            </a:r>
          </a:p>
          <a:p>
            <a:r>
              <a:rPr lang="en-US" sz="3200" dirty="0"/>
              <a:t> All information is stored locally</a:t>
            </a:r>
          </a:p>
          <a:p>
            <a:r>
              <a:rPr lang="en-US" sz="3200" dirty="0"/>
              <a:t>Customers must travel to the gym location to renew or cancel their membership</a:t>
            </a:r>
          </a:p>
          <a:p>
            <a:r>
              <a:rPr lang="en-US" sz="3200" dirty="0"/>
              <a:t>Major hassles that affect customer retention rate  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4491796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TlhNjM1MzUtMjliYy00MjE3LWIzZDItNWFmZDA4NTdiYWFlIiwiSW1wb3J0SWQiOm51bGwsIlRpdGxlIjoiRWFnbGVzIENvdW5zdWx0aW5nIiwiTm90ZSI6bnVsbCwiSHlwZXJsaW5rIjpudWxsLCJJc0NoYW5nZWQiOmZhbHNlLCJJc05ldyI6ZmFsc2V9XSwiVGFza3MiOlt7IiRpZCI6IjEzOCIsIkdyb3VwTmFtZSI6bnVsbCwiU3RhcnREYXRlIjoiMjAxNi0wOS0xM1QwMDowMDowMFoiLCJFbmREYXRlIjoiMjAxNi0wOS0xOVQyMzo1OTo1OS45OTlaIiwiUGVyY2VudGFnZUNvbXBsZXRlIjpudWxsLCJTdHlsZSI6eyIkaWQiOiIxMzkiLCJTaGFwZSI6MiwiU2hhcGVUaGlja25lc3MiOjE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MiIsIkxpbmVDb2xvciI6bnVsbCwiTGluZVdlaWdodCI6MC4wLCJMaW5lVHlwZSI6MCwiUGFyZW50U3R5bGUiOm51bGx9LCJQYXJlbnRTdHlsZSI6eyIkcmVmIjoiODEifX0sIkR1cmF0aW9uU3R5bGUiOnsiJGlkIjoiMTQzIiwiRm9udFNldHRpbmdzIjp7IiRpZCI6IjE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0NSIsIkxpbmVDb2xvciI6bnVsbCwiTGluZVdlaWdodCI6MC4wLCJMaW5lVHlwZSI6MCwiUGFyZW50U3R5bGUiOm51bGx9LCJQYXJlbnRTdHlsZSI6eyIkcmVmIjoiODgifX0sIkhvcml6b250YWxDb25uZWN0b3JTdHlsZSI6eyIkaWQiOiIxNDYiLCJMaW5lQ29sb3IiOnsiJHJlZiI6Ijk2In0sIkxpbmVXZWlnaHQiOjEuMCwiTGluZVR5cGUiOjAsIlBhcmVudFN0eWxlIjp7IiRyZWYiOiI5NSJ9fSwiVmVydGljYWxDb25uZWN0b3JTdHlsZSI6eyIkaWQiOiIxNDc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DgiLCJNYXJnaW4iOnsiJHJlZiI6IjEwMiJ9LCJQYWRkaW5nIjp7IiRyZWYiOiIxMDMifSwiQmFja2dyb3VuZCI6eyIkaWQiOiIxNDkiLCJDb2xvciI6eyIkaWQiOiIxNTAiLCJBIjoyNTUsIlIiOjIsIkciOjE3OCwiQiI6MjM4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MiLCJMaW5lQ29sb3IiOm51bGwsIkxpbmVXZWlnaHQiOjAuMCwiTGluZVR5cGUiOjAsIlBhcmVudFN0eWxlIjpudWxsfSwiUGFyZW50U3R5bGUiOnsiJHJlZiI6IjgxIn19LCJEdXJhdGlvblN0eWxlIjp7IiRpZCI6IjE2NCIsIkZvbnRTZXR0aW5ncyI6eyIkaWQiOiIx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jYiLCJMaW5lQ29sb3IiOm51bGwsIkxpbmVXZWlnaHQiOjAuMCwiTGluZVR5cGUiOjAsIlBhcmVudFN0eWxlIjpudWxsfSwiUGFyZW50U3R5bGUiOnsiJHJlZiI6Ijg4In19LCJIb3Jpem9udGFsQ29ubmVjdG9yU3R5bGUiOnsiJGlkIjoiMTY3IiwiTGluZUNvbG9yIjp7IiRyZWYiOiI5NiJ9LCJMaW5lV2VpZ2h0IjoxLjAsIkxpbmVUeXBlIjowLCJQYXJlbnRTdHlsZSI6eyIkcmVmIjoiOTUifX0sIlZlcnRpY2FsQ29ubmVjdG9yU3R5bGUiOnsiJGlkIjoiMTY4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Y5IiwiTWFyZ2luIjp7IiRyZWYiOiIxMDIifSwiUGFkZGluZyI6eyIkcmVmIjoiMTAzIn0sIkJhY2tncm91bmQiOnsiJGlkIjoiMTcwIiwiQ29sb3IiOnsiJGlkIjoiMTcxIiwiQSI6MjU1LCJSIjoyLCJHIjoxNzgsIkIiOjIzOH19LCJJc1Zpc2libGUiOnRydWUsIldpZHRoIjowLjAsIkhlaWdodCI6MTYuMCwiQm9yZGVyU3R5bGUiOnsiJGlkIjoiMTcyIiwiTGluZUNvbG9yIjp7IiRyZWYiOiIxMDUifSwiTGluZVdlaWdodCI6MC4wLCJMaW5lVHlwZSI6MCwiUGFyZW50U3R5bGUiOnsiJHJlZiI6IjEwNCJ9fSwiUGFyZW50U3R5bGUiOnsiJHJlZiI6IjEwMSJ9fSwiVGl0bGVTdHlsZSI6eyIkaWQiOiIxNzMiLCJGb250U2V0dGluZ3MiOnsiJGlkIjoiMTc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MiwiRyI6MTc4LCJCIjoyMzh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YTRkZjU0NGEtM2Q1Ni00YTNhLWE2MTMtYmNjNWRlMTIyY2MzIiwiSW1wb3J0SWQiOm51bGwsIlRpdGxlIjoiQ3JlYXRpb24gb2YgRGF0YWJhc2UgU3l0ZW0iLCJOb3RlIjpudWxsLCJIeXBlcmxpbmsiOm51bGwsIklzQ2hhbmdlZCI6ZmFsc2UsIklzTmV3IjpmYWxzZX0seyIkaWQiOiIyMDEiLCJHcm91cE5hbWUiOm51bGwsIlN0YXJ0RGF0ZSI6IjIwMTYtMTAtMDRUMDA6MDA6MDBaIiwiRW5kRGF0ZSI6IjIwMTYtMTAtMTB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xIiwiTWFyZ2luIjp7IiRyZWYiOiIxMDIifSwiUGFkZGluZyI6eyIkcmVmIjoiMTAzIn0sIkJhY2tncm91bmQiOnsiJGlkIjoiMjEyIiwiQ29sb3IiOnsiJGlkIjoiMjEzIiwiQSI6MjU1LCJSIjoyLCJHIjoxNzgsIkIiOjIz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yNiwiRyI6MTcwLCJCIjo2Nn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ZWNlOGQ0Yy03YjllLTRhN2EtYjkwNi01MDI5YmQyZTEwMWEiLCJJbXBvcnRJZCI6bnVsbCwiVGl0bGUiOiJCdXNpbmVzcyBEb2N1bWVudHMiLCJOb3RlIjpudWxsLCJIeXBlcmxpbmsiOm51bGwsIklzQ2hhbmdlZCI6ZmFsc2UsIklzTmV3IjpmYWxzZX0seyIkaWQiOiIyNDMiLCJHcm91cE5hbWUiOm51bGwsIlN0YXJ0RGF0ZSI6IjIwMTYtMTAtMThUMDA6MDA6MDBaIiwiRW5kRGF0ZSI6IjIwMTYtMTAtMjRUMjM6NTk6NTkuOTk5WiIsIlBlcmNlbnRhZ2VDb21wbGV0ZSI6bnVsbCwiU3R5bGUiOnsiJGlkIjoiMjQ0IiwiU2hhcGUiOjI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L3l5IiwiU2VwYXJhdG9yIjoiLyIsIlVzZUludGVybmF0aW9uYWxEYXRlRm9ybWF0IjpmYWxzZX0sIklzVmlzaWJsZSI6dHJ1ZSwiUGFyZW50U3R5bGUiOnsiJHJlZiI6IjgwIn19LCJJbmRleCI6NiwiSWQiOiI2MmM4OTk2MC04ZWUxLTQzMTEtYTdhOS1iZjkzZGYwODZmMTQiLCJJbXBvcnRJZCI6bnVsbCwiVGl0bGUiOiJBZHZlcnRpc2luZyBNYXRlcmlhbHMiLCJOb3RlIjpudWxsLCJIeXBlcmxpbmsiOm51bGwsIklzQ2hhbmdlZCI6ZmFsc2UsIklzTmV3IjpmYWxzZX0seyIkaWQiOiIyNjQiLCJHcm91cE5hbWUiOm51bGwsIlN0YXJ0RGF0ZSI6IjIwMTYtMTAtMjVUMDA6MDA6MDBaIiwiRW5kRGF0ZSI6IjIwMTYtMTAtMzF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pZCI6IjI3NCIsIiR0eXBlIjoiTkxSRS5Db21tb24uRG9tLlNvbGlkQ29sb3JCcnVzaCwgTkxSRS5Db21tb24iLCJDb2xvciI6eyIkaWQiOiIyNzUiLCJBIjoyNTUsIlIiOjkxLCJHIjoxNTUsIkIiOjIxM31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2IiwiTWFyZ2luIjp7IiRyZWYiOiIxMDIifSwiUGFkZGluZyI6eyIkcmVmIjoiMTAzIn0sIkJhY2tncm91bmQiOnsiJGlkIjoiMjc3IiwiQ29sb3IiOnsiJGlkIjoiMjc4IiwiQSI6MjU1LCJSIjo5MSwiRyI6MTU1LCJCIjoyMTN9fSwiSXNWaXNpYmxlIjp0cnVlLCJXaWR0aCI6MC4wLCJIZWlnaHQiOjE2LjAsIkJvcmRlclN0eWxlIjp7IiRpZCI6IjI3OSIsIkxpbmVDb2xvciI6eyIkcmVmIjoiMTA1In0sIkxpbmVXZWlnaHQiOjAuMCwiTGluZVR5cGUiOjAsIlBhcmVudFN0eWxlIjp7IiRyZWYiOiIxMDQifX0sIlBhcmVudFN0eWxlIjp7IiRyZWYiOiIxMDEifX0sIlRpdGxlU3R5bGUiOnsiJGlkIjoiMjgwIiwiRm9udFNldHRpbmdzIjp7IiRpZCI6IjI4M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IiLCJMaW5lQ29sb3IiOm51bGwsIkxpbmVXZWlnaHQiOjAuMCwiTGluZVR5cGUiOjAsIlBhcmVudFN0eWxlIjpudWxsfSwiUGFyZW50U3R5bGUiOnsiJHJlZiI6IjEwNyJ9fSwiRGF0ZVN0eWxlIjp7IiRpZCI6IjI4MyIsIkZvbnRTZXR0aW5ncyI6eyIkaWQiOiIy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MxLCJHIjoyMzAsIkIiOjIzMH19LCJMaW5lV2VpZ2h0Ijoy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E5YTYzNTM1LTI5YmMtNDIxNy1iM2QyLTVhZmQwODU3YmFhZSIsIkltcG9ydElkIjpudWxsLCJUaXRsZSI6IkVhZ2xlcyBDb3Vuc3VsdGluZyIsIk5vdGUiOm51bGwsIkh5cGVybGluayI6bnVsbCwiSXNDaGFuZ2VkIjpmYWxzZSwiSXNOZXciOmZhbHNlfV0sIlRhc2tzIjpbeyIkaWQiOiIxMzgiLCJHcm91cE5hbWUiOm51bGwsIlN0YXJ0RGF0ZSI6IjIwMTYtMTEtMDFUMDA6MDA6MDBaIiwiRW5kRGF0ZSI6IjIwMTYtMTEtMDdUMjM6NTk6NTkuOTk5WiIsIlBlcmNlbnRhZ2VDb21wbGV0ZSI6bnVsbCwiU3R5bGUiOnsiJGlkIjoiMTM5IiwiU2hhcGUiOjI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0OCIsIk1hcmdpbiI6eyIkcmVmIjoiMTAyIn0sIlBhZGRpbmciOnsiJHJlZiI6IjEwMyJ9LCJCYWNrZ3JvdW5kIjp7IiRpZCI6IjE0OSIsIkNvbG9yIjp7IiRpZCI6IjE1MCIsIkEiOjI1NSwiUiI6NjgsIkciOjExNCwiQiI6MTk2fX0sIklzVmlzaWJsZSI6dHJ1ZSwiV2lkdGgiOjAuMCwiSGVpZ2h0IjoxNi4wLCJCb3JkZXJTdHlsZSI6eyIkaWQiOiIxNTEiLCJMaW5lQ29sb3IiOnsiJHJlZiI6IjEwNSJ9LCJMaW5lV2VpZ2h0IjowLjAsIkxpbmVUeXBlIjowLCJQYXJlbnRTdHlsZSI6eyIkcmVmIjoiMTA0In19LCJQYXJlbnRTdHlsZSI6eyIkcmVmIjoiMTAxIn19LCJUaXRsZVN0eWxlIjp7IiRpZCI6IjE1MiIsIkZvbnRTZXR0aW5ncyI6eyIkaWQiOiIx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MyIsIkxpbmVDb2xvciI6bnVsbCwiTGluZVdlaWdodCI6MC4wLCJMaW5lVHlwZSI6MCwiUGFyZW50U3R5bGUiOm51bGx9LCJQYXJlbnRTdHlsZSI6eyIkcmVmIjoiODEifX0sIkR1cmF0aW9uU3R5bGUiOnsiJGlkIjoiMTY0IiwiRm9udFNldHRpbmdzIjp7IiRpZCI6IjE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NiIsIkxpbmVDb2xvciI6bnVsbCwiTGluZVdlaWdodCI6MC4wLCJMaW5lVHlwZSI6MCwiUGFyZW50U3R5bGUiOm51bGx9LCJQYXJlbnRTdHlsZSI6eyIkcmVmIjoiODgifX0sIkhvcml6b250YWxDb25uZWN0b3JTdHlsZSI6eyIkaWQiOiIxNjciLCJMaW5lQ29sb3IiOnsiJHJlZiI6Ijk2In0sIkxpbmVXZWlnaHQiOjEuMCwiTGluZVR5cGUiOjAsIlBhcmVudFN0eWxlIjp7IiRyZWYiOiI5NSJ9fSwiVmVydGljYWxDb25uZWN0b3JTdHlsZSI6eyIkaWQiOiIxNjg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TY5IiwiTWFyZ2luIjp7IiRyZWYiOiIxMDIifSwiUGFkZGluZyI6eyIkcmVmIjoiMTAzIn0sIkJhY2tncm91bmQiOnsiJGlkIjoiMTcwIiwiQ29sb3IiOnsiJGlkIjoiMTcxIiwiQSI6MjU1LCJSIjoxMTIsIkciOjE3MywiQiI6NzF9fSwiSXNWaXNpYmxlIjp0cnVlLCJXaWR0aCI6MC4wLCJIZWlnaHQiOjE2LjAsIkJvcmRlclN0eWxlIjp7IiRpZCI6IjE3MiIsIkxpbmVDb2xvciI6eyIkcmVmIjoiMTA1In0sIkxpbmVXZWlnaHQiOjAuMCwiTGluZVR5cGUiOjAsIlBhcmVudFN0eWxlIjp7IiRyZWYiOiIxMDQifX0sIlBhcmVudFN0eWxlIjp7IiRyZWYiOiIxMDEifX0sIlRpdGxlU3R5bGUiOnsiJGlkIjoiMTczIiwiRm9udFNldHRpbmdzIjp7IiRpZCI6IjE3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UiLCJMaW5lQ29sb3IiOm51bGwsIkxpbmVXZWlnaHQiOjAuMCwiTGluZVR5cGUiOjAsIlBhcmVudFN0eWxlIjpudWxsfSwiUGFyZW50U3R5bGUiOnsiJHJlZiI6IjEwNyJ9fSwiRGF0ZVN0eWxlIjp7IiRpZCI6IjE3NiIsIkZvbnRTZXR0aW5ncyI6eyIkaWQiOiIxN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QiLCJMaW5lQ29sb3IiOm51bGwsIkxpbmVXZWlnaHQiOjAuMCwiTGluZVR5cGUiOjAsIlBhcmVudFN0eWxlIjpudWxsfSwiUGFyZW50U3R5bGUiOnsiJHJlZiI6IjgxIn19LCJEdXJhdGlvblN0eWxlIjp7IiRpZCI6IjE4NSIsIkZvbnRTZXR0aW5ncyI6eyIkaWQiOiIx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DciLCJMaW5lQ29sb3IiOm51bGwsIkxpbmVXZWlnaHQiOjAuMCwiTGluZVR5cGUiOjAsIlBhcmVudFN0eWxlIjpudWxsfSwiUGFyZW50U3R5bGUiOnsiJHJlZiI6Ijg4In19LCJIb3Jpem9udGFsQ29ubmVjdG9yU3R5bGUiOnsiJGlkIjoiMTg4IiwiTGluZUNvbG9yIjp7IiRyZWYiOiI5NiJ9LCJMaW5lV2VpZ2h0IjoxLjAsIkxpbmVUeXBlIjowLCJQYXJlbnRTdHlsZSI6eyIkcmVmIjoiOTUifX0sIlZlcnRpY2FsQ29ubmVjdG9yU3R5bGUiOnsiJGlkIjoiMTg5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5MCIsIk1hcmdpbiI6eyIkcmVmIjoiMTAyIn0sIlBhZGRpbmciOnsiJHJlZiI6IjEwMyJ9LCJCYWNrZ3JvdW5kIjp7IiRpZCI6IjE5MSIsIkNvbG9yIjp7IiRpZCI6IjE5MiIsIkEiOjI1NSwiUiI6NDcsIkciOjU0LCJCIjoxNTN9fSwiSXNWaXNpYmxlIjp0cnVlLCJXaWR0aCI6MC4wLCJIZWlnaHQiOjE2LjAsIkJvcmRlclN0eWxlIjp7IiRpZCI6IjE5MyIsIkxpbmVDb2xvciI6eyIkcmVmIjoiMTA1In0sIkxpbmVXZWlnaHQiOjAuMCwiTGluZVR5cGUiOjAsIlBhcmVudFN0eWxlIjp7IiRyZWYiOiIxMDQifX0sIlBhcmVudFN0eWxlIjp7IiRyZWYiOiIxMDEifX0sIlRpdGxlU3R5bGUiOnsiJGlkIjoiMTk0IiwiRm9udFNldHRpbmdzIjp7IiRpZCI6IjE5N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k0vZC95eSIsIlNlcGFyYXRvciI6Ii8iLCJVc2VJbnRlcm5hdGlvbmFsRGF0ZUZvcm1hdCI6ZmFsc2V9LCJJc1Zpc2libGUiOnRydWUsIlBhcmVudFN0eWxlIjp7IiRyZWYiOiI4MCJ9fSwiSW5kZXgiOjMsIklkIjoiMjI0NWNhNWQtZGQxMi00NTdjLWExMzMtMTlkZDZjNzc4ZjIwIiwiSW1wb3J0SWQiOm51bGwsIlRpdGxlIjoiVHJhaW5pbmciLCJOb3RlIjpudWxsLCJIeXBlcmxpbmsiOm51bGwsIklzQ2hhbmdlZCI6ZmFsc2UsIklzTmV3IjpmYWxzZX0seyIkaWQiOiIyMDEiLCJHcm91cE5hbWUiOm51bGwsIlN0YXJ0RGF0ZSI6IjIwMTYtMTEtMjJUMDA6MDA6MDBaIiwiRW5kRGF0ZSI6IjIwMTYtMTEtMjhUMjM6NTk6NTkuOTk5Wi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UiLCJMaW5lQ29sb3IiOm51bGwsIkxpbmVXZWlnaHQiOjAuMCwiTGluZVR5cGUiOjAsIlBhcmVudFN0eWxlIjpudWxsfSwiUGFyZW50U3R5bGUiOnsiJHJlZiI6IjgxIn19LCJEdXJhdGlvblN0eWxlIjp7IiRpZCI6IjIwNiIsIkZvbnRTZXR0aW5ncyI6eyIkaWQiOiIy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giLCJMaW5lQ29sb3IiOm51bGwsIkxpbmVXZWlnaHQiOjAuMCwiTGluZVR5cGUiOjAsIlBhcmVudFN0eWxlIjpudWxsfSwiUGFyZW50U3R5bGUiOnsiJHJlZiI6Ijg4In19LCJIb3Jpem9udGFsQ29ubmVjdG9yU3R5bGUiOnsiJGlkIjoiMjA5IiwiTGluZUNvbG9yIjp7IiRyZWYiOiI5NiJ9LCJMaW5lV2VpZ2h0IjoxLjAsIkxpbmVUeXBlIjowLCJQYXJlbnRTdHlsZSI6eyIkcmVmIjoiOTUifX0sIlZlcnRpY2FsQ29ubmVjdG9yU3R5bGUiOnsiJGlkIjoiMjEw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xMSIsIk1hcmdpbiI6eyIkcmVmIjoiMTAyIn0sIlBhZGRpbmciOnsiJHJlZiI6IjEwMyJ9LCJCYWNrZ3JvdW5kIjp7IiRpZCI6IjIxMiIsIkNvbG9yIjp7IiRpZCI6IjIxMyIsIkEiOjI1NSwiUiI6MTc4LCJHIjoxNCwiQiI6MTh9fSwiSXNWaXNpYmxlIjp0cnVlLCJXaWR0aCI6MC4wLCJIZWlnaHQiOjE2LjAsIkJvcmRlclN0eWxlIjp7IiRpZCI6IjIxNCIsIkxpbmVDb2xvciI6eyIkcmVmIjoiMTA1In0sIkxpbmVXZWlnaHQiOjAuMCwiTGluZVR5cGUiOjAsIlBhcmVudFN0eWxlIjp7IiRyZWYiOiIxMDQifX0sIlBhcmVudFN0eWxlIjp7IiRyZWYiOiIxMDEifX0sIlRpdGxlU3R5bGUiOnsiJGlkIjoiMjE1IiwiRm9udFNldHRpbmdzIjp7IiRpZCI6IjIx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ciLCJMaW5lQ29sb3IiOm51bGwsIkxpbmVXZWlnaHQiOjAuMCwiTGluZVR5cGUiOjAsIlBhcmVudFN0eWxlIjpudWxsfSwiUGFyZW50U3R5bGUiOnsiJHJlZiI6IjEwNyJ9fSwiRGF0ZVN0eWxlIjp7IiRpZCI6IjIxOCIsIkZvbnRTZXR0aW5ncyI6eyIkaWQiOiIy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iIsIkxpbmVDb2xvciI6bnVsbCwiTGluZVdlaWdodCI6MC4wLCJMaW5lVHlwZSI6MCwiUGFyZW50U3R5bGUiOm51bGx9LCJQYXJlbnRTdHlsZSI6eyIkcmVmIjoiODEifX0sIkR1cmF0aW9uU3R5bGUiOnsiJGlkIjoiMjI3IiwiRm9udFNldHRpbmdzIjp7IiRpZCI6IjIy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OSIsIkxpbmVDb2xvciI6bnVsbCwiTGluZVdlaWdodCI6MC4wLCJMaW5lVHlwZSI6MCwiUGFyZW50U3R5bGUiOm51bGx9LCJQYXJlbnRTdHlsZSI6eyIkcmVmIjoiODgifX0sIkhvcml6b250YWxDb25uZWN0b3JTdHlsZSI6eyIkaWQiOiIyMzAiLCJMaW5lQ29sb3IiOnsiJHJlZiI6Ijk2In0sIkxpbmVXZWlnaHQiOjEuMCwiTGluZVR5cGUiOjAsIlBhcmVudFN0eWxlIjp7IiRyZWYiOiI5NSJ9fSwiVmVydGljYWxDb25uZWN0b3JTdHlsZSI6eyIkaWQiOiIyMzEiLCJMaW5lQ29sb3IiOnsiJHJlZiI6Ijk5In0sIkxpbmVXZWlnaHQiOjI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yIiwiTWFyZ2luIjp7IiRyZWYiOiIxMDIifSwiUGFkZGluZyI6eyIkcmVmIjoiMTAzIn0sIkJhY2tncm91bmQiOnsiJGlkIjoiMjMzIiwiQ29sb3IiOnsiJGlkIjoiMjM0IiwiQSI6MjU1LCJSIjoxNzgsIkciOjE0LCJCIjoxOH19LCJJc1Zpc2libGUiOnRydWUsIldpZHRoIjowLjAsIkhlaWdodCI6MTYuMCwiQm9yZGVyU3R5bGUiOnsiJGlkIjoiMjM1IiwiTGluZUNvbG9yIjp7IiRyZWYiOiIxMDUifSwiTGluZVdlaWdodCI6MC4wLCJMaW5lVHlwZSI6MCwiUGFyZW50U3R5bGUiOnsiJHJlZiI6IjEwNCJ9fSwiUGFyZW50U3R5bGUiOnsiJHJlZiI6IjEwMSJ9fSwiVGl0bGVTdHlsZSI6eyIkaWQiOiIyMzYiLCJGb250U2V0dGluZ3MiOnsiJGlkIjoiMjM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CIsIkxpbmVDb2xvciI6bnVsbCwiTGluZVdlaWdodCI6MC4wLCJMaW5lVHlwZSI6MCwiUGFyZW50U3R5bGUiOm51bGx9LCJQYXJlbnRTdHlsZSI6eyIkcmVmIjoiMTA3In19LCJEYXRlU3R5bGUiOnsiJGlkIjoiMjM5IiwiRm9udFNldHRpbmdzIjp7IiRpZCI6IjI0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i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E3OCwiRyI6MTQsIkIiOjE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y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NCIsIk1hcmdpbiI6eyIkcmVmIjoiMTAyIn0sIlBhZGRpbmciOnsiJHJlZiI6IjEwMyJ9LCJCYWNrZ3JvdW5kIjp7IiRpZCI6IjI3NSIsIkNvbG9yIjp7IiRpZCI6IjI3NiIsIkEiOjI1NSwiUiI6MjMxLCJHIjoyMzAsIkIiOjIzMH19LCJJc1Zpc2libGUiOnRydWUsIldpZHRoIjowLjAsIkhlaWdodCI6MTYuMCwiQm9yZGVyU3R5bGUiOnsiJGlkIjoiMjc3IiwiTGluZUNvbG9yIjp7IiRyZWYiOiIxMDUifSwiTGluZVdlaWdodCI6MC4wLCJMaW5lVHlwZSI6MCwiUGFyZW50U3R5bGUiOnsiJHJlZiI6IjEwNCJ9fSwiUGFyZW50U3R5bGUiOnsiJHJlZiI6IjEwMSJ9fSwiVGl0bGVTdHlsZSI6eyIkaWQiOiIyNzgiLCJGb250U2V0dGluZ3MiOnsiJGlkIjoiMj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CIsIkxpbmVDb2xvciI6bnVsbCwiTGluZVdlaWdodCI6MC4wLCJMaW5lVHlwZSI6MCwiUGFyZW50U3R5bGUiOm51bGx9LCJQYXJlbnRTdHlsZSI6eyIkcmVmIjoiMTA3In19LCJEYXRlU3R5bGUiOnsiJGlkIjoiMjgxIiwiRm9udFNldHRpbmdzIjp7IiRpZCI6IjI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ch 16x9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>
    <a:spDef>
      <a:spPr/>
      <a:bodyPr rtlCol="0" anchor="ctr"/>
      <a:lstStyle>
        <a:defPPr algn="ctr">
          <a:defRPr sz="280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2800"/>
        </a:defPPr>
      </a:lstStyle>
    </a:txDef>
  </a:objectDefaults>
  <a:extraClrSchemeLst/>
  <a:extLst>
    <a:ext uri="{05A4C25C-085E-4340-85A3-A5531E510DB2}">
      <thm15:themeFamily xmlns:thm15="http://schemas.microsoft.com/office/thememl/2012/main" name="TF02787990.potx" id="{BDB9CD5E-36EC-45F3-B87D-6D062B8A3823}" vid="{51682E2F-7C85-4D6F-AD40-072EFC83910D}"/>
    </a:ext>
  </a:extLst>
</a:theme>
</file>

<file path=ppt/theme/theme2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TemplateFile" ma:contentTypeID="0x0101006EDDDB5EE6D98C44930B742096920B300400F5B6D36B3EF94B4E9A635CDF2A18F5B8" ma:contentTypeVersion="72" ma:contentTypeDescription="Create a new document." ma:contentTypeScope="" ma:versionID="a23e56308344d904b51738559c3d67c9">
  <xsd:schema xmlns:xsd="http://www.w3.org/2001/XMLSchema" xmlns:xs="http://www.w3.org/2001/XMLSchema" xmlns:p="http://schemas.microsoft.com/office/2006/metadata/properties" xmlns:ns2="4873beb7-5857-4685-be1f-d57550cc96cc" targetNamespace="http://schemas.microsoft.com/office/2006/metadata/properties" ma:root="true" ma:fieldsID="cd0908cc4600e77bf5da051303e00c8d" ns2:_="">
    <xsd:import namespace="4873beb7-5857-4685-be1f-d57550cc96cc"/>
    <xsd:element name="properties">
      <xsd:complexType>
        <xsd:sequence>
          <xsd:element name="documentManagement">
            <xsd:complexType>
              <xsd:all>
                <xsd:element ref="ns2:AcquiredFrom" minOccurs="0"/>
                <xsd:element ref="ns2:UACurrentWords" minOccurs="0"/>
                <xsd:element ref="ns2:TPApplication" minOccurs="0"/>
                <xsd:element ref="ns2:ApprovalLog" minOccurs="0"/>
                <xsd:element ref="ns2:ApprovalStatus" minOccurs="0"/>
                <xsd:element ref="ns2:AssetStart" minOccurs="0"/>
                <xsd:element ref="ns2:AssetExpire" minOccurs="0"/>
                <xsd:element ref="ns2:AssetId" minOccurs="0"/>
                <xsd:element ref="ns2:IsSearchable" minOccurs="0"/>
                <xsd:element ref="ns2:AssetType" minOccurs="0"/>
                <xsd:element ref="ns2:APAuthor" minOccurs="0"/>
                <xsd:element ref="ns2:AverageRating" minOccurs="0"/>
                <xsd:element ref="ns2:BlockPublish" minOccurs="0"/>
                <xsd:element ref="ns2:BugNumber" minOccurs="0"/>
                <xsd:element ref="ns2:CampaignTagsTaxHTField0" minOccurs="0"/>
                <xsd:element ref="ns2:TPClientViewer" minOccurs="0"/>
                <xsd:element ref="ns2:ClipArtFilename" minOccurs="0"/>
                <xsd:element ref="ns2:TPCommandLine" minOccurs="0"/>
                <xsd:element ref="ns2:TPComponent" minOccurs="0"/>
                <xsd:element ref="ns2:ContentItem" minOccurs="0"/>
                <xsd:element ref="ns2:CrawlForDependencies" minOccurs="0"/>
                <xsd:element ref="ns2:CSXHash" minOccurs="0"/>
                <xsd:element ref="ns2:CSXSubmissionMarket" minOccurs="0"/>
                <xsd:element ref="ns2:CSXUpdate" minOccurs="0"/>
                <xsd:element ref="ns2:IntlLangReviewDate" minOccurs="0"/>
                <xsd:element ref="ns2:IsDeleted" minOccurs="0"/>
                <xsd:element ref="ns2:APDescription" minOccurs="0"/>
                <xsd:element ref="ns2:DirectSourceMarket" minOccurs="0"/>
                <xsd:element ref="ns2:Downloads" minOccurs="0"/>
                <xsd:element ref="ns2:DSATActionTaken" minOccurs="0"/>
                <xsd:element ref="ns2:APEditor" minOccurs="0"/>
                <xsd:element ref="ns2:EditorialStatus" minOccurs="0"/>
                <xsd:element ref="ns2:EditorialTags" minOccurs="0"/>
                <xsd:element ref="ns2:TPExecutable" minOccurs="0"/>
                <xsd:element ref="ns2:FeatureTagsTaxHTField0" minOccurs="0"/>
                <xsd:element ref="ns2:TPFriendlyName" minOccurs="0"/>
                <xsd:element ref="ns2:FriendlyTitle" minOccurs="0"/>
                <xsd:element ref="ns2:PrimaryImageGen" minOccurs="0"/>
                <xsd:element ref="ns2:HandoffToMSDN" minOccurs="0"/>
                <xsd:element ref="ns2:InProjectListLookup" minOccurs="0"/>
                <xsd:element ref="ns2:TPInstallLocation" minOccurs="0"/>
                <xsd:element ref="ns2:InternalTagsTaxHTField0" minOccurs="0"/>
                <xsd:element ref="ns2:IntlLangReview" minOccurs="0"/>
                <xsd:element ref="ns2:IntlLangReviewer" minOccurs="0"/>
                <xsd:element ref="ns2:MarketSpecific" minOccurs="0"/>
                <xsd:element ref="ns2:LastCompleteVersionLookup" minOccurs="0"/>
                <xsd:element ref="ns2:LastHandOff" minOccurs="0"/>
                <xsd:element ref="ns2:LastModifiedDateTime" minOccurs="0"/>
                <xsd:element ref="ns2:LastPreviewErrorLookup" minOccurs="0"/>
                <xsd:element ref="ns2:LastPreviewResultLookup" minOccurs="0"/>
                <xsd:element ref="ns2:LastPreviewAttemptDateLookup" minOccurs="0"/>
                <xsd:element ref="ns2:LastPreviewedByLookup" minOccurs="0"/>
                <xsd:element ref="ns2:LastPreviewTimeLookup" minOccurs="0"/>
                <xsd:element ref="ns2:LastPreviewVersionLookup" minOccurs="0"/>
                <xsd:element ref="ns2:LastPublishErrorLookup" minOccurs="0"/>
                <xsd:element ref="ns2:LastPublishResultLookup" minOccurs="0"/>
                <xsd:element ref="ns2:LastPublishAttemptDateLookup" minOccurs="0"/>
                <xsd:element ref="ns2:LastPublishedByLookup" minOccurs="0"/>
                <xsd:element ref="ns2:LastPublishTimeLookup" minOccurs="0"/>
                <xsd:element ref="ns2:LastPublishVersionLookup" minOccurs="0"/>
                <xsd:element ref="ns2:TPLaunchHelpLinkType" minOccurs="0"/>
                <xsd:element ref="ns2:LegacyData" minOccurs="0"/>
                <xsd:element ref="ns2:TPLaunchHelpLink" minOccurs="0"/>
                <xsd:element ref="ns2:LocComments" minOccurs="0"/>
                <xsd:element ref="ns2:LocLastLocAttemptVersionLookup" minOccurs="0"/>
                <xsd:element ref="ns2:LocLastLocAttemptVersionTypeLookup" minOccurs="0"/>
                <xsd:element ref="ns2:LocManualTestRequired" minOccurs="0"/>
                <xsd:element ref="ns2:LocMarketGroupTiers2" minOccurs="0"/>
                <xsd:element ref="ns2:LocNewPublishedVersionLookup" minOccurs="0"/>
                <xsd:element ref="ns2:LocOverallHandbackStatusLookup" minOccurs="0"/>
                <xsd:element ref="ns2:LocOverallLocStatusLookup" minOccurs="0"/>
                <xsd:element ref="ns2:LocOverallPreviewStatusLookup" minOccurs="0"/>
                <xsd:element ref="ns2:LocOverallPublishStatusLookup" minOccurs="0"/>
                <xsd:element ref="ns2:IntlLocPriority" minOccurs="0"/>
                <xsd:element ref="ns2:LocProcessedForHandoffsLookup" minOccurs="0"/>
                <xsd:element ref="ns2:LocProcessedForMarketsLookup" minOccurs="0"/>
                <xsd:element ref="ns2:LocPublishedDependentAssetsLookup" minOccurs="0"/>
                <xsd:element ref="ns2:LocPublishedLinkedAssetsLookup" minOccurs="0"/>
                <xsd:element ref="ns2:LocRecommendedHandoff" minOccurs="0"/>
                <xsd:element ref="ns2:LocalizationTagsTaxHTField0" minOccurs="0"/>
                <xsd:element ref="ns2:MachineTranslated" minOccurs="0"/>
                <xsd:element ref="ns2:Manager" minOccurs="0"/>
                <xsd:element ref="ns2:Markets" minOccurs="0"/>
                <xsd:element ref="ns2:Milestone" minOccurs="0"/>
                <xsd:element ref="ns2:TPNamespace" minOccurs="0"/>
                <xsd:element ref="ns2:NumericId" minOccurs="0"/>
                <xsd:element ref="ns2:NumOfRatingsLookup" minOccurs="0"/>
                <xsd:element ref="ns2:OOCacheId" minOccurs="0"/>
                <xsd:element ref="ns2:OpenTemplate" minOccurs="0"/>
                <xsd:element ref="ns2:OriginAsset" minOccurs="0"/>
                <xsd:element ref="ns2:OriginalRelease" minOccurs="0"/>
                <xsd:element ref="ns2:OriginalSourceMarket" minOccurs="0"/>
                <xsd:element ref="ns2:OutputCachingOn" minOccurs="0"/>
                <xsd:element ref="ns2:ParentAssetId" minOccurs="0"/>
                <xsd:element ref="ns2:PlannedPubDate" minOccurs="0"/>
                <xsd:element ref="ns2:PolicheckWords" minOccurs="0"/>
                <xsd:element ref="ns2:BusinessGroup" minOccurs="0"/>
                <xsd:element ref="ns2:UAProjectedTotalWords" minOccurs="0"/>
                <xsd:element ref="ns2:Provider" minOccurs="0"/>
                <xsd:element ref="ns2:Providers" minOccurs="0"/>
                <xsd:element ref="ns2:PublishStatusLookup" minOccurs="0"/>
                <xsd:element ref="ns2:PublishTargets" minOccurs="0"/>
                <xsd:element ref="ns2:RecommendationsModifier" minOccurs="0"/>
                <xsd:element ref="ns2:ArtSampleDocs" minOccurs="0"/>
                <xsd:element ref="ns2:ScenarioTagsTaxHTField0" minOccurs="0"/>
                <xsd:element ref="ns2:ShowIn" minOccurs="0"/>
                <xsd:element ref="ns2:SourceTitle" minOccurs="0"/>
                <xsd:element ref="ns2:CSXSubmissionDate" minOccurs="0"/>
                <xsd:element ref="ns2:SubmitterId" minOccurs="0"/>
                <xsd:element ref="ns2:TaxCatchAll" minOccurs="0"/>
                <xsd:element ref="ns2:TaxCatchAllLabel" minOccurs="0"/>
                <xsd:element ref="ns2:TemplateStatus" minOccurs="0"/>
                <xsd:element ref="ns2:TemplateTemplateType" minOccurs="0"/>
                <xsd:element ref="ns2:ThumbnailAssetId" minOccurs="0"/>
                <xsd:element ref="ns2:TimesCloned" minOccurs="0"/>
                <xsd:element ref="ns2:TrustLevel" minOccurs="0"/>
                <xsd:element ref="ns2:UALocComments" minOccurs="0"/>
                <xsd:element ref="ns2:UALocRecommendation" minOccurs="0"/>
                <xsd:element ref="ns2:UANotes" minOccurs="0"/>
                <xsd:element ref="ns2:TPAppVersion" minOccurs="0"/>
                <xsd:element ref="ns2:VoteCount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873beb7-5857-4685-be1f-d57550cc96cc" elementFormDefault="qualified">
    <xsd:import namespace="http://schemas.microsoft.com/office/2006/documentManagement/types"/>
    <xsd:import namespace="http://schemas.microsoft.com/office/infopath/2007/PartnerControls"/>
    <xsd:element name="AcquiredFrom" ma:index="1" nillable="true" ma:displayName="Acquired From" ma:default="Internal MS" ma:internalName="AcquiredFrom" ma:readOnly="false">
      <xsd:simpleType>
        <xsd:restriction base="dms:Choice">
          <xsd:enumeration value="Internal MS"/>
          <xsd:enumeration value="Community"/>
          <xsd:enumeration value="MVP"/>
          <xsd:enumeration value="Publisher"/>
          <xsd:enumeration value="Partner"/>
          <xsd:enumeration value="None"/>
        </xsd:restriction>
      </xsd:simpleType>
    </xsd:element>
    <xsd:element name="UACurrentWords" ma:index="2" nillable="true" ma:displayName="Actual Word Count" ma:default="" ma:internalName="UACurrentWords" ma:readOnly="false">
      <xsd:simpleType>
        <xsd:restriction base="dms:Unknown"/>
      </xsd:simpleType>
    </xsd:element>
    <xsd:element name="TPApplication" ma:index="3" nillable="true" ma:displayName="Application to Open Template With" ma:default="" ma:internalName="TPApplication">
      <xsd:simpleType>
        <xsd:restriction base="dms:Text"/>
      </xsd:simpleType>
    </xsd:element>
    <xsd:element name="ApprovalLog" ma:index="4" nillable="true" ma:displayName="Approval Log" ma:default="" ma:hidden="true" ma:internalName="ApprovalLog" ma:readOnly="false">
      <xsd:simpleType>
        <xsd:restriction base="dms:Note"/>
      </xsd:simpleType>
    </xsd:element>
    <xsd:element name="ApprovalStatus" ma:index="5" nillable="true" ma:displayName="Approval Status" ma:default="InProgress" ma:internalName="ApprovalStatus" ma:readOnly="false">
      <xsd:simpleType>
        <xsd:restriction base="dms:Choice">
          <xsd:enumeration value="InProgress"/>
          <xsd:enumeration value="Rejected"/>
          <xsd:enumeration value="Questionable"/>
          <xsd:enumeration value="ApprovedAutomatic"/>
          <xsd:enumeration value="ApprovedManual"/>
          <xsd:enumeration value="On Hold"/>
          <xsd:enumeration value="Needs Review"/>
          <xsd:enumeration value="A Violation"/>
          <xsd:enumeration value="Unpublished Violation"/>
        </xsd:restriction>
      </xsd:simpleType>
    </xsd:element>
    <xsd:element name="AssetStart" ma:index="6" nillable="true" ma:displayName="Asset Begin Date" ma:default="[Today]" ma:internalName="AssetStart" ma:readOnly="false">
      <xsd:simpleType>
        <xsd:restriction base="dms:DateTime"/>
      </xsd:simpleType>
    </xsd:element>
    <xsd:element name="AssetExpire" ma:index="7" nillable="true" ma:displayName="Asset End Date" ma:default="2029-01-01T08:00:00Z" ma:format="DateTime" ma:internalName="AssetExpire" ma:readOnly="false">
      <xsd:simpleType>
        <xsd:restriction base="dms:DateTime"/>
      </xsd:simpleType>
    </xsd:element>
    <xsd:element name="AssetId" ma:index="8" nillable="true" ma:displayName="Asset ID" ma:default="" ma:indexed="true" ma:internalName="AssetId" ma:readOnly="false">
      <xsd:simpleType>
        <xsd:restriction base="dms:Text">
          <xsd:maxLength value="255"/>
        </xsd:restriction>
      </xsd:simpleType>
    </xsd:element>
    <xsd:element name="IsSearchable" ma:index="9" nillable="true" ma:displayName="Asset Searchable?" ma:default="true" ma:internalName="IsSearchable" ma:readOnly="false">
      <xsd:simpleType>
        <xsd:restriction base="dms:Boolean"/>
      </xsd:simpleType>
    </xsd:element>
    <xsd:element name="AssetType" ma:index="10" nillable="true" ma:displayName="Asset Type" ma:default="" ma:internalName="AssetType" ma:readOnly="false">
      <xsd:simpleType>
        <xsd:restriction base="dms:Unknown"/>
      </xsd:simpleType>
    </xsd:element>
    <xsd:element name="APAuthor" ma:index="11" nillable="true" ma:displayName="Author" ma:default="" ma:list="UserInfo" ma:internalName="APAuth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AverageRating" ma:index="12" nillable="true" ma:displayName="Average Rating" ma:internalName="AverageRating" ma:readOnly="false">
      <xsd:simpleType>
        <xsd:restriction base="dms:Text"/>
      </xsd:simpleType>
    </xsd:element>
    <xsd:element name="BlockPublish" ma:index="13" nillable="true" ma:displayName="Block from Publishing?" ma:default="" ma:internalName="BlockPublish" ma:readOnly="false">
      <xsd:simpleType>
        <xsd:restriction base="dms:Boolean"/>
      </xsd:simpleType>
    </xsd:element>
    <xsd:element name="BugNumber" ma:index="14" nillable="true" ma:displayName="Bug Number" ma:default="" ma:internalName="BugNumber" ma:readOnly="false">
      <xsd:simpleType>
        <xsd:restriction base="dms:Text"/>
      </xsd:simpleType>
    </xsd:element>
    <xsd:element name="CampaignTagsTaxHTField0" ma:index="16" nillable="true" ma:taxonomy="true" ma:internalName="CampaignTagsTaxHTField0" ma:taxonomyFieldName="CampaignTags" ma:displayName="Campaigns" ma:readOnly="false" ma:default="" ma:fieldId="{1df42cc3-2301-4f11-a52a-6ead923c29ed}" ma:taxonomyMulti="true" ma:sspId="8f79753a-75d3-41f5-8ca3-40b843941b4f" ma:termSetId="ca0e50d4-faa1-44ce-961e-bb1441c60e6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ClientViewer" ma:index="17" nillable="true" ma:displayName="Client Viewer" ma:default="" ma:internalName="TPClientViewer">
      <xsd:simpleType>
        <xsd:restriction base="dms:Text"/>
      </xsd:simpleType>
    </xsd:element>
    <xsd:element name="ClipArtFilename" ma:index="18" nillable="true" ma:displayName="Clip Art Name" ma:default="" ma:internalName="ClipArtFilename" ma:readOnly="false">
      <xsd:simpleType>
        <xsd:restriction base="dms:Text"/>
      </xsd:simpleType>
    </xsd:element>
    <xsd:element name="TPCommandLine" ma:index="19" nillable="true" ma:displayName="Command Line" ma:default="" ma:internalName="TPCommandLine">
      <xsd:simpleType>
        <xsd:restriction base="dms:Text"/>
      </xsd:simpleType>
    </xsd:element>
    <xsd:element name="TPComponent" ma:index="20" nillable="true" ma:displayName="Component" ma:default="" ma:internalName="TPComponent">
      <xsd:simpleType>
        <xsd:restriction base="dms:Text"/>
      </xsd:simpleType>
    </xsd:element>
    <xsd:element name="ContentItem" ma:index="21" nillable="true" ma:displayName="Content Item" ma:default="" ma:hidden="true" ma:internalName="ContentItem" ma:readOnly="false">
      <xsd:simpleType>
        <xsd:restriction base="dms:Unknown"/>
      </xsd:simpleType>
    </xsd:element>
    <xsd:element name="CrawlForDependencies" ma:index="23" nillable="true" ma:displayName="Crawl for Dependencies?" ma:default="true" ma:internalName="CrawlForDependencies" ma:readOnly="false">
      <xsd:simpleType>
        <xsd:restriction base="dms:Boolean"/>
      </xsd:simpleType>
    </xsd:element>
    <xsd:element name="CSXHash" ma:index="26" nillable="true" ma:displayName="CSX Hash" ma:default="" ma:indexed="true" ma:internalName="CSXHash" ma:readOnly="false">
      <xsd:simpleType>
        <xsd:restriction base="dms:Text"/>
      </xsd:simpleType>
    </xsd:element>
    <xsd:element name="CSXSubmissionMarket" ma:index="27" nillable="true" ma:displayName="CSX Submission Market" ma:default="" ma:list="{2FBD1B11-2ACE-4FDC-B5A3-635D4ADF6F1B}" ma:internalName="CSXSubmissionMarket" ma:readOnly="false" ma:showField="MarketName" ma:web="4873beb7-5857-4685-be1f-d57550cc96cc">
      <xsd:simpleType>
        <xsd:restriction base="dms:Lookup"/>
      </xsd:simpleType>
    </xsd:element>
    <xsd:element name="CSXUpdate" ma:index="28" nillable="true" ma:displayName="CSX Updated?" ma:default="false" ma:internalName="CSXUpdate" ma:readOnly="false">
      <xsd:simpleType>
        <xsd:restriction base="dms:Boolean"/>
      </xsd:simpleType>
    </xsd:element>
    <xsd:element name="IntlLangReviewDate" ma:index="29" nillable="true" ma:displayName="Date to Complete Intl QA" ma:default="" ma:internalName="IntlLangReviewDate" ma:readOnly="false">
      <xsd:simpleType>
        <xsd:restriction base="dms:DateTime"/>
      </xsd:simpleType>
    </xsd:element>
    <xsd:element name="IsDeleted" ma:index="30" nillable="true" ma:displayName="Deleted?" ma:default="" ma:internalName="IsDeleted" ma:readOnly="false">
      <xsd:simpleType>
        <xsd:restriction base="dms:Boolean"/>
      </xsd:simpleType>
    </xsd:element>
    <xsd:element name="APDescription" ma:index="31" nillable="true" ma:displayName="Description" ma:default="" ma:internalName="APDescription" ma:readOnly="false">
      <xsd:simpleType>
        <xsd:restriction base="dms:Note"/>
      </xsd:simpleType>
    </xsd:element>
    <xsd:element name="DirectSourceMarket" ma:index="32" nillable="true" ma:displayName="Direct Source Market Group" ma:default="" ma:internalName="DirectSourceMarket" ma:readOnly="false">
      <xsd:simpleType>
        <xsd:restriction base="dms:Text"/>
      </xsd:simpleType>
    </xsd:element>
    <xsd:element name="Downloads" ma:index="33" nillable="true" ma:displayName="Downloads" ma:default="0" ma:hidden="true" ma:internalName="Downloads" ma:readOnly="false">
      <xsd:simpleType>
        <xsd:restriction base="dms:Unknown"/>
      </xsd:simpleType>
    </xsd:element>
    <xsd:element name="DSATActionTaken" ma:index="34" nillable="true" ma:displayName="DSAT Action Taken" ma:default="" ma:internalName="DSATActionTaken" ma:readOnly="false">
      <xsd:simpleType>
        <xsd:restriction base="dms:Choice">
          <xsd:enumeration value="Best Bets"/>
          <xsd:enumeration value="Expire"/>
          <xsd:enumeration value="Hide"/>
          <xsd:enumeration value="None"/>
        </xsd:restriction>
      </xsd:simpleType>
    </xsd:element>
    <xsd:element name="APEditor" ma:index="35" nillable="true" ma:displayName="Editor" ma:default="" ma:list="UserInfo" ma:internalName="APEditor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EditorialStatus" ma:index="36" nillable="true" ma:displayName="Editorial Status" ma:default="" ma:internalName="EditorialStatus" ma:readOnly="false">
      <xsd:simpleType>
        <xsd:restriction base="dms:Unknown"/>
      </xsd:simpleType>
    </xsd:element>
    <xsd:element name="EditorialTags" ma:index="37" nillable="true" ma:displayName="Editorial Tags" ma:default="" ma:internalName="EditorialTags">
      <xsd:simpleType>
        <xsd:restriction base="dms:Unknown"/>
      </xsd:simpleType>
    </xsd:element>
    <xsd:element name="TPExecutable" ma:index="38" nillable="true" ma:displayName="Executable" ma:default="" ma:internalName="TPExecutable">
      <xsd:simpleType>
        <xsd:restriction base="dms:Text"/>
      </xsd:simpleType>
    </xsd:element>
    <xsd:element name="FeatureTagsTaxHTField0" ma:index="40" nillable="true" ma:taxonomy="true" ma:internalName="FeatureTagsTaxHTField0" ma:taxonomyFieldName="FeatureTags" ma:displayName="Features" ma:readOnly="false" ma:default="" ma:fieldId="{7fc0d542-15c6-4882-a8e3-13bca44403fb}" ma:taxonomyMulti="true" ma:sspId="8f79753a-75d3-41f5-8ca3-40b843941b4f" ma:termSetId="f1ab6845-967d-4854-a0ba-4ec07f0f811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PFriendlyName" ma:index="41" nillable="true" ma:displayName="Friendly Name" ma:default="" ma:internalName="TPFriendlyName">
      <xsd:simpleType>
        <xsd:restriction base="dms:Text"/>
      </xsd:simpleType>
    </xsd:element>
    <xsd:element name="FriendlyTitle" ma:index="42" nillable="true" ma:displayName="Friendly Title" ma:default="" ma:description="Shorter title to be used when displaying search results" ma:internalName="FriendlyTitle" ma:readOnly="false">
      <xsd:simpleType>
        <xsd:restriction base="dms:Text"/>
      </xsd:simpleType>
    </xsd:element>
    <xsd:element name="PrimaryImageGen" ma:index="43" nillable="true" ma:displayName="Generate Images?" ma:default="true" ma:internalName="PrimaryImageGen">
      <xsd:simpleType>
        <xsd:restriction base="dms:Boolean"/>
      </xsd:simpleType>
    </xsd:element>
    <xsd:element name="HandoffToMSDN" ma:index="44" nillable="true" ma:displayName="Handoff To MSDN Date" ma:default="" ma:internalName="HandoffToMSDN" ma:readOnly="false">
      <xsd:simpleType>
        <xsd:restriction base="dms:DateTime"/>
      </xsd:simpleType>
    </xsd:element>
    <xsd:element name="InProjectListLookup" ma:index="45" nillable="true" ma:displayName="InProjectListLookup" ma:list="{9E343742-310B-4684-A24C-1D137CB4B230}" ma:internalName="InProjectListLookup" ma:readOnly="true" ma:showField="InProjectLis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InstallLocation" ma:index="46" nillable="true" ma:displayName="Install Location" ma:default="" ma:internalName="TPInstallLocation">
      <xsd:simpleType>
        <xsd:restriction base="dms:Text"/>
      </xsd:simpleType>
    </xsd:element>
    <xsd:element name="InternalTagsTaxHTField0" ma:index="48" nillable="true" ma:taxonomy="true" ma:internalName="InternalTagsTaxHTField0" ma:taxonomyFieldName="InternalTags" ma:displayName="Internal Tags" ma:readOnly="false" ma:default="" ma:fieldId="{1490b8a4-2706-41ec-b5e3-73176dccf34e}" ma:taxonomyMulti="true" ma:sspId="8f79753a-75d3-41f5-8ca3-40b843941b4f" ma:termSetId="82b6639e-f7fc-4c18-ad2d-003a6e707765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IntlLangReview" ma:index="49" nillable="true" ma:displayName="Intl Lang QA Review Required?" ma:default="" ma:internalName="IntlLangReview" ma:readOnly="false">
      <xsd:simpleType>
        <xsd:restriction base="dms:Boolean"/>
      </xsd:simpleType>
    </xsd:element>
    <xsd:element name="IntlLangReviewer" ma:index="50" nillable="true" ma:displayName="Intl Lang QA Reviewer" ma:default="" ma:internalName="IntlLangReviewer" ma:readOnly="false">
      <xsd:simpleType>
        <xsd:restriction base="dms:Text"/>
      </xsd:simpleType>
    </xsd:element>
    <xsd:element name="MarketSpecific" ma:index="51" nillable="true" ma:displayName="Is Market Specific?" ma:default="" ma:internalName="MarketSpecific" ma:readOnly="false">
      <xsd:simpleType>
        <xsd:restriction base="dms:Boolean"/>
      </xsd:simpleType>
    </xsd:element>
    <xsd:element name="LastCompleteVersionLookup" ma:index="52" nillable="true" ma:displayName="Last Complete Version Lookup" ma:default="" ma:list="{9E343742-310B-4684-A24C-1D137CB4B230}" ma:internalName="LastCompleteVersionLookup" ma:readOnly="true" ma:showField="LastComplete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HandOff" ma:index="53" nillable="true" ma:displayName="Last Hand-off" ma:default="" ma:internalName="LastHandOff" ma:readOnly="false">
      <xsd:simpleType>
        <xsd:restriction base="dms:DateTime"/>
      </xsd:simpleType>
    </xsd:element>
    <xsd:element name="LastModifiedDateTime" ma:index="54" nillable="true" ma:displayName="Last Modified Date" ma:default="" ma:internalName="LastModifiedDateTime" ma:readOnly="false">
      <xsd:simpleType>
        <xsd:restriction base="dms:DateTime"/>
      </xsd:simpleType>
    </xsd:element>
    <xsd:element name="LastPreviewErrorLookup" ma:index="55" nillable="true" ma:displayName="Last Preview Attempt Error" ma:default="" ma:list="{9E343742-310B-4684-A24C-1D137CB4B230}" ma:internalName="LastPreviewErrorLookup" ma:readOnly="true" ma:showField="LastPreview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ResultLookup" ma:index="56" nillable="true" ma:displayName="Last Preview Attempt Result" ma:default="" ma:list="{9E343742-310B-4684-A24C-1D137CB4B230}" ma:internalName="LastPreviewResultLookup" ma:readOnly="true" ma:showField="LastPreview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AttemptDateLookup" ma:index="57" nillable="true" ma:displayName="Last Preview Attempted On" ma:default="" ma:list="{9E343742-310B-4684-A24C-1D137CB4B230}" ma:internalName="LastPreviewAttemptDateLookup" ma:readOnly="true" ma:showField="LastPreview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edByLookup" ma:index="58" nillable="true" ma:displayName="Last Previewed By" ma:default="" ma:list="{9E343742-310B-4684-A24C-1D137CB4B230}" ma:internalName="LastPreviewedByLookup" ma:readOnly="true" ma:showField="LastPreview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TimeLookup" ma:index="59" nillable="true" ma:displayName="Last Previewed Date" ma:default="" ma:list="{9E343742-310B-4684-A24C-1D137CB4B230}" ma:internalName="LastPreviewTimeLookup" ma:readOnly="true" ma:showField="LastPreview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reviewVersionLookup" ma:index="60" nillable="true" ma:displayName="Last Previewed Version" ma:default="" ma:list="{9E343742-310B-4684-A24C-1D137CB4B230}" ma:internalName="LastPreviewVersionLookup" ma:readOnly="true" ma:showField="LastPreview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rrorLookup" ma:index="61" nillable="true" ma:displayName="Last Publish Attempt Error" ma:default="" ma:list="{9E343742-310B-4684-A24C-1D137CB4B230}" ma:internalName="LastPublishErrorLookup" ma:readOnly="true" ma:showField="LastPublishError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ResultLookup" ma:index="62" nillable="true" ma:displayName="Last Publish Attempt Result" ma:default="" ma:list="{9E343742-310B-4684-A24C-1D137CB4B230}" ma:internalName="LastPublishResultLookup" ma:readOnly="true" ma:showField="LastPublishResult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AttemptDateLookup" ma:index="63" nillable="true" ma:displayName="Last Publish Attempted On" ma:default="" ma:list="{9E343742-310B-4684-A24C-1D137CB4B230}" ma:internalName="LastPublishAttemptDateLookup" ma:readOnly="true" ma:showField="LastPublishAttemptDat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edByLookup" ma:index="64" nillable="true" ma:displayName="Last Published By" ma:default="" ma:list="{9E343742-310B-4684-A24C-1D137CB4B230}" ma:internalName="LastPublishedByLookup" ma:readOnly="true" ma:showField="LastPublishedBy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TimeLookup" ma:index="65" nillable="true" ma:displayName="Last Published Date" ma:default="" ma:list="{9E343742-310B-4684-A24C-1D137CB4B230}" ma:internalName="LastPublishTimeLookup" ma:readOnly="true" ma:showField="LastPublishTi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LastPublishVersionLookup" ma:index="66" nillable="true" ma:displayName="Last Published Version" ma:default="" ma:list="{9E343742-310B-4684-A24C-1D137CB4B230}" ma:internalName="LastPublishVersionLookup" ma:readOnly="true" ma:showField="LastPublishVersion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PLaunchHelpLinkType" ma:index="67" nillable="true" ma:displayName="Launch Help Link Type" ma:default="Template" ma:internalName="TPLaunchHelpLinkType">
      <xsd:simpleType>
        <xsd:restriction base="dms:Choice">
          <xsd:enumeration value="Template"/>
          <xsd:enumeration value="Training"/>
          <xsd:enumeration value="URL"/>
          <xsd:enumeration value="None"/>
        </xsd:restriction>
      </xsd:simpleType>
    </xsd:element>
    <xsd:element name="LegacyData" ma:index="68" nillable="true" ma:displayName="Legacy Data" ma:default="" ma:internalName="LegacyData" ma:readOnly="false">
      <xsd:simpleType>
        <xsd:restriction base="dms:Note"/>
      </xsd:simpleType>
    </xsd:element>
    <xsd:element name="TPLaunchHelpLink" ma:index="69" nillable="true" ma:displayName="Link to Launch Help Topic" ma:default="" ma:internalName="TPLaunchHelpLink">
      <xsd:simpleType>
        <xsd:restriction base="dms:Text"/>
      </xsd:simpleType>
    </xsd:element>
    <xsd:element name="LocComments" ma:index="70" nillable="true" ma:displayName="Loc Approval Comments" ma:default="" ma:internalName="LocComments" ma:readOnly="false">
      <xsd:simpleType>
        <xsd:restriction base="dms:Note"/>
      </xsd:simpleType>
    </xsd:element>
    <xsd:element name="LocLastLocAttemptVersionLookup" ma:index="71" nillable="true" ma:displayName="Loc Last Loc Attempt Version" ma:default="" ma:list="{7DD1DCEC-E449-43D3-891F-7DC62F62AD21}" ma:internalName="LocLastLocAttemptVersionLookup" ma:readOnly="false" ma:showField="LastLocAttemptVersion" ma:web="4873beb7-5857-4685-be1f-d57550cc96cc">
      <xsd:simpleType>
        <xsd:restriction base="dms:Lookup"/>
      </xsd:simpleType>
    </xsd:element>
    <xsd:element name="LocLastLocAttemptVersionTypeLookup" ma:index="72" nillable="true" ma:displayName="Loc Last Loc Attempt Version Type" ma:default="" ma:list="{7DD1DCEC-E449-43D3-891F-7DC62F62AD21}" ma:internalName="LocLastLocAttemptVersionTypeLookup" ma:readOnly="true" ma:showField="LastLocAttemptVersionType" ma:web="4873beb7-5857-4685-be1f-d57550cc96cc">
      <xsd:simpleType>
        <xsd:restriction base="dms:Lookup"/>
      </xsd:simpleType>
    </xsd:element>
    <xsd:element name="LocManualTestRequired" ma:index="73" nillable="true" ma:displayName="Loc Manual Test Required" ma:default="" ma:internalName="LocManualTestRequired" ma:readOnly="false">
      <xsd:simpleType>
        <xsd:restriction base="dms:Boolean"/>
      </xsd:simpleType>
    </xsd:element>
    <xsd:element name="LocMarketGroupTiers2" ma:index="74" nillable="true" ma:displayName="Loc Market Group Tiers" ma:internalName="LocMarketGroupTiers2" ma:readOnly="false">
      <xsd:simpleType>
        <xsd:restriction base="dms:Unknown"/>
      </xsd:simpleType>
    </xsd:element>
    <xsd:element name="LocNewPublishedVersionLookup" ma:index="75" nillable="true" ma:displayName="Loc New Published Version Lookup" ma:default="" ma:list="{7DD1DCEC-E449-43D3-891F-7DC62F62AD21}" ma:internalName="LocNewPublishedVersionLookup" ma:readOnly="true" ma:showField="NewPublishedVersion" ma:web="4873beb7-5857-4685-be1f-d57550cc96cc">
      <xsd:simpleType>
        <xsd:restriction base="dms:Lookup"/>
      </xsd:simpleType>
    </xsd:element>
    <xsd:element name="LocOverallHandbackStatusLookup" ma:index="76" nillable="true" ma:displayName="Loc Overall Handback Status" ma:default="" ma:list="{7DD1DCEC-E449-43D3-891F-7DC62F62AD21}" ma:internalName="LocOverallHandbackStatusLookup" ma:readOnly="true" ma:showField="OverallHandbackStatus" ma:web="4873beb7-5857-4685-be1f-d57550cc96cc">
      <xsd:simpleType>
        <xsd:restriction base="dms:Lookup"/>
      </xsd:simpleType>
    </xsd:element>
    <xsd:element name="LocOverallLocStatusLookup" ma:index="77" nillable="true" ma:displayName="Loc Overall Localize Status" ma:default="" ma:list="{7DD1DCEC-E449-43D3-891F-7DC62F62AD21}" ma:internalName="LocOverallLocStatusLookup" ma:readOnly="true" ma:showField="OverallLocStatus" ma:web="4873beb7-5857-4685-be1f-d57550cc96cc">
      <xsd:simpleType>
        <xsd:restriction base="dms:Lookup"/>
      </xsd:simpleType>
    </xsd:element>
    <xsd:element name="LocOverallPreviewStatusLookup" ma:index="78" nillable="true" ma:displayName="Loc Overall Preview Status" ma:default="" ma:list="{7DD1DCEC-E449-43D3-891F-7DC62F62AD21}" ma:internalName="LocOverallPreviewStatusLookup" ma:readOnly="true" ma:showField="OverallPreviewStatus" ma:web="4873beb7-5857-4685-be1f-d57550cc96cc">
      <xsd:simpleType>
        <xsd:restriction base="dms:Lookup"/>
      </xsd:simpleType>
    </xsd:element>
    <xsd:element name="LocOverallPublishStatusLookup" ma:index="79" nillable="true" ma:displayName="Loc Overall Publish Status" ma:default="" ma:list="{7DD1DCEC-E449-43D3-891F-7DC62F62AD21}" ma:internalName="LocOverallPublishStatusLookup" ma:readOnly="true" ma:showField="OverallPublishStatus" ma:web="4873beb7-5857-4685-be1f-d57550cc96cc">
      <xsd:simpleType>
        <xsd:restriction base="dms:Lookup"/>
      </xsd:simpleType>
    </xsd:element>
    <xsd:element name="IntlLocPriority" ma:index="80" nillable="true" ma:displayName="Loc Priority" ma:default="" ma:internalName="IntlLocPriority" ma:readOnly="false">
      <xsd:simpleType>
        <xsd:restriction base="dms:Unknown"/>
      </xsd:simpleType>
    </xsd:element>
    <xsd:element name="LocProcessedForHandoffsLookup" ma:index="81" nillable="true" ma:displayName="Loc Processed For Handoffs" ma:default="" ma:list="{7DD1DCEC-E449-43D3-891F-7DC62F62AD21}" ma:internalName="LocProcessedForHandoffsLookup" ma:readOnly="true" ma:showField="ProcessedForHandoffs" ma:web="4873beb7-5857-4685-be1f-d57550cc96cc">
      <xsd:simpleType>
        <xsd:restriction base="dms:Lookup"/>
      </xsd:simpleType>
    </xsd:element>
    <xsd:element name="LocProcessedForMarketsLookup" ma:index="82" nillable="true" ma:displayName="Loc Processed For Markets" ma:default="" ma:list="{7DD1DCEC-E449-43D3-891F-7DC62F62AD21}" ma:internalName="LocProcessedForMarketsLookup" ma:readOnly="true" ma:showField="ProcessedForMarkets" ma:web="4873beb7-5857-4685-be1f-d57550cc96cc">
      <xsd:simpleType>
        <xsd:restriction base="dms:Lookup"/>
      </xsd:simpleType>
    </xsd:element>
    <xsd:element name="LocPublishedDependentAssetsLookup" ma:index="83" nillable="true" ma:displayName="Loc Published Dependent Assets" ma:default="" ma:list="{7DD1DCEC-E449-43D3-891F-7DC62F62AD21}" ma:internalName="LocPublishedDependentAssetsLookup" ma:readOnly="true" ma:showField="PublishedDependentAssets" ma:web="4873beb7-5857-4685-be1f-d57550cc96cc">
      <xsd:simpleType>
        <xsd:restriction base="dms:Lookup"/>
      </xsd:simpleType>
    </xsd:element>
    <xsd:element name="LocPublishedLinkedAssetsLookup" ma:index="84" nillable="true" ma:displayName="Loc Published Linked Assets" ma:default="" ma:list="{7DD1DCEC-E449-43D3-891F-7DC62F62AD21}" ma:internalName="LocPublishedLinkedAssetsLookup" ma:readOnly="true" ma:showField="PublishedLinkedAssets" ma:web="4873beb7-5857-4685-be1f-d57550cc96cc">
      <xsd:simpleType>
        <xsd:restriction base="dms:Lookup"/>
      </xsd:simpleType>
    </xsd:element>
    <xsd:element name="LocRecommendedHandoff" ma:index="85" nillable="true" ma:displayName="Loc Recommended Handoff" ma:default="" ma:indexed="true" ma:internalName="LocRecommendedHandoff" ma:readOnly="false">
      <xsd:simpleType>
        <xsd:restriction base="dms:Text"/>
      </xsd:simpleType>
    </xsd:element>
    <xsd:element name="LocalizationTagsTaxHTField0" ma:index="87" nillable="true" ma:taxonomy="true" ma:internalName="LocalizationTagsTaxHTField0" ma:taxonomyFieldName="LocalizationTags" ma:displayName="Localization Tags" ma:readOnly="false" ma:default="" ma:fieldId="{00f02cb3-2c7c-424a-9c61-10e9b6878429}" ma:taxonomyMulti="true" ma:sspId="8f79753a-75d3-41f5-8ca3-40b843941b4f" ma:termSetId="5b7703a5-8e8b-4b58-8b31-1cea35331da3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MachineTranslated" ma:index="88" nillable="true" ma:displayName="Machine Translated" ma:default="" ma:internalName="MachineTranslated" ma:readOnly="false">
      <xsd:simpleType>
        <xsd:restriction base="dms:Boolean"/>
      </xsd:simpleType>
    </xsd:element>
    <xsd:element name="Manager" ma:index="89" nillable="true" ma:displayName="Manager" ma:hidden="true" ma:internalName="Manager" ma:readOnly="false">
      <xsd:simpleType>
        <xsd:restriction base="dms:Text"/>
      </xsd:simpleType>
    </xsd:element>
    <xsd:element name="Markets" ma:index="90" nillable="true" ma:displayName="Markets" ma:default="" ma:description="Leave blank to show in all markets" ma:list="{2FBD1B11-2ACE-4FDC-B5A3-635D4ADF6F1B}" ma:internalName="Markets" ma:readOnly="false" ma:showField="MarketName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Milestone" ma:index="91" nillable="true" ma:displayName="Milestone" ma:default="" ma:internalName="Milestone" ma:readOnly="false">
      <xsd:simpleType>
        <xsd:restriction base="dms:Unknown"/>
      </xsd:simpleType>
    </xsd:element>
    <xsd:element name="TPNamespace" ma:index="94" nillable="true" ma:displayName="Namespace" ma:default="" ma:internalName="TPNamespace">
      <xsd:simpleType>
        <xsd:restriction base="dms:Text"/>
      </xsd:simpleType>
    </xsd:element>
    <xsd:element name="NumericId" ma:index="95" nillable="true" ma:displayName="Numeric ID" ma:default="" ma:indexed="true" ma:internalName="NumericId" ma:readOnly="false">
      <xsd:simpleType>
        <xsd:restriction base="dms:Number"/>
      </xsd:simpleType>
    </xsd:element>
    <xsd:element name="NumOfRatingsLookup" ma:index="96" nillable="true" ma:displayName="NumOfRatings" ma:default="" ma:list="{9E343742-310B-4684-A24C-1D137CB4B230}" ma:internalName="NumOfRatingsLookup" ma:readOnly="true" ma:showField="NumOfRating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OOCacheId" ma:index="97" nillable="true" ma:displayName="OOCacheId" ma:internalName="OOCacheId" ma:readOnly="false">
      <xsd:simpleType>
        <xsd:restriction base="dms:Text"/>
      </xsd:simpleType>
    </xsd:element>
    <xsd:element name="OpenTemplate" ma:index="98" nillable="true" ma:displayName="Open Template" ma:default="true" ma:internalName="OpenTemplate">
      <xsd:simpleType>
        <xsd:restriction base="dms:Boolean"/>
      </xsd:simpleType>
    </xsd:element>
    <xsd:element name="OriginAsset" ma:index="99" nillable="true" ma:displayName="Origin Asset" ma:default="" ma:internalName="OriginAsset" ma:readOnly="false">
      <xsd:simpleType>
        <xsd:restriction base="dms:Text"/>
      </xsd:simpleType>
    </xsd:element>
    <xsd:element name="OriginalRelease" ma:index="100" nillable="true" ma:displayName="Original Release" ma:default="15" ma:internalName="OriginalRelease" ma:readOnly="false">
      <xsd:simpleType>
        <xsd:restriction base="dms:Choice">
          <xsd:enumeration value="14"/>
          <xsd:enumeration value="15"/>
          <xsd:enumeration value="16"/>
        </xsd:restriction>
      </xsd:simpleType>
    </xsd:element>
    <xsd:element name="OriginalSourceMarket" ma:index="101" nillable="true" ma:displayName="Original Source Market Group" ma:default="" ma:internalName="OriginalSourceMarket" ma:readOnly="false">
      <xsd:simpleType>
        <xsd:restriction base="dms:Text"/>
      </xsd:simpleType>
    </xsd:element>
    <xsd:element name="OutputCachingOn" ma:index="102" nillable="true" ma:displayName="Output Caching" ma:default="true" ma:hidden="true" ma:internalName="OutputCachingOn" ma:readOnly="false">
      <xsd:simpleType>
        <xsd:restriction base="dms:Boolean"/>
      </xsd:simpleType>
    </xsd:element>
    <xsd:element name="ParentAssetId" ma:index="103" nillable="true" ma:displayName="Parent Asset Id" ma:default="" ma:internalName="ParentAssetId" ma:readOnly="false">
      <xsd:simpleType>
        <xsd:restriction base="dms:Text"/>
      </xsd:simpleType>
    </xsd:element>
    <xsd:element name="PlannedPubDate" ma:index="104" nillable="true" ma:displayName="Planned Publish Date" ma:default="" ma:indexed="true" ma:internalName="PlannedPubDate" ma:readOnly="false">
      <xsd:simpleType>
        <xsd:restriction base="dms:DateTime"/>
      </xsd:simpleType>
    </xsd:element>
    <xsd:element name="PolicheckWords" ma:index="105" nillable="true" ma:displayName="Policheck Words" ma:default="" ma:internalName="PolicheckWords" ma:readOnly="false">
      <xsd:simpleType>
        <xsd:restriction base="dms:Text"/>
      </xsd:simpleType>
    </xsd:element>
    <xsd:element name="BusinessGroup" ma:index="106" nillable="true" ma:displayName="Product Division Owner" ma:default="" ma:internalName="BusinessGroup" ma:readOnly="false">
      <xsd:simpleType>
        <xsd:restriction base="dms:Unknown"/>
      </xsd:simpleType>
    </xsd:element>
    <xsd:element name="UAProjectedTotalWords" ma:index="107" nillable="true" ma:displayName="Projected Word Count" ma:default="" ma:internalName="UAProjectedTotalWords" ma:readOnly="false">
      <xsd:simpleType>
        <xsd:restriction base="dms:Unknown"/>
      </xsd:simpleType>
    </xsd:element>
    <xsd:element name="Provider" ma:index="108" nillable="true" ma:displayName="Provider" ma:default="" ma:internalName="Provider" ma:readOnly="false">
      <xsd:simpleType>
        <xsd:restriction base="dms:Unknown"/>
      </xsd:simpleType>
    </xsd:element>
    <xsd:element name="Providers" ma:index="109" nillable="true" ma:displayName="Providers" ma:default="" ma:internalName="Providers">
      <xsd:simpleType>
        <xsd:restriction base="dms:Unknown"/>
      </xsd:simpleType>
    </xsd:element>
    <xsd:element name="PublishStatusLookup" ma:index="110" nillable="true" ma:displayName="Publish Status" ma:default="" ma:list="{9E343742-310B-4684-A24C-1D137CB4B230}" ma:internalName="PublishStatusLookup" ma:readOnly="false" ma:showField="PublishStatus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PublishTargets" ma:index="111" nillable="true" ma:displayName="Publish Target" ma:default="OfficeOnlineVNext" ma:internalName="PublishTargets" ma:readOnly="false">
      <xsd:simpleType>
        <xsd:restriction base="dms:Unknown"/>
      </xsd:simpleType>
    </xsd:element>
    <xsd:element name="RecommendationsModifier" ma:index="112" nillable="true" ma:displayName="Recommendations Modifier" ma:default="" ma:internalName="RecommendationsModifier" ma:readOnly="false">
      <xsd:simpleType>
        <xsd:restriction base="dms:Number"/>
      </xsd:simpleType>
    </xsd:element>
    <xsd:element name="ArtSampleDocs" ma:index="113" nillable="true" ma:displayName="Sample Docs" ma:default="" ma:hidden="true" ma:internalName="ArtSampleDocs" ma:readOnly="false">
      <xsd:simpleType>
        <xsd:restriction base="dms:Text"/>
      </xsd:simpleType>
    </xsd:element>
    <xsd:element name="ScenarioTagsTaxHTField0" ma:index="115" nillable="true" ma:taxonomy="true" ma:internalName="ScenarioTagsTaxHTField0" ma:taxonomyFieldName="ScenarioTags" ma:displayName="Scenarios" ma:readOnly="false" ma:default="" ma:fieldId="{93aef74d-6c78-4815-8310-51477dceeccc}" ma:taxonomyMulti="true" ma:sspId="8f79753a-75d3-41f5-8ca3-40b843941b4f" ma:termSetId="4b7d5f16-e2f2-4fc0-bab3-6e8b931e57d6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ShowIn" ma:index="117" nillable="true" ma:displayName="Show In" ma:default="Show everywhere" ma:internalName="ShowIn" ma:readOnly="false">
      <xsd:simpleType>
        <xsd:restriction base="dms:Choice">
          <xsd:enumeration value="Hide on web"/>
          <xsd:enumeration value="On Web no search"/>
          <xsd:enumeration value="Show everywhere"/>
          <xsd:enumeration value="Special use only"/>
        </xsd:restriction>
      </xsd:simpleType>
    </xsd:element>
    <xsd:element name="SourceTitle" ma:index="118" nillable="true" ma:displayName="Source Title" ma:default="" ma:indexed="true" ma:internalName="SourceTitle" ma:readOnly="false">
      <xsd:simpleType>
        <xsd:restriction base="dms:Text"/>
      </xsd:simpleType>
    </xsd:element>
    <xsd:element name="CSXSubmissionDate" ma:index="119" nillable="true" ma:displayName="Submission Date" ma:default="" ma:internalName="CSXSubmissionDate" ma:readOnly="false">
      <xsd:simpleType>
        <xsd:restriction base="dms:DateTime"/>
      </xsd:simpleType>
    </xsd:element>
    <xsd:element name="SubmitterId" ma:index="120" nillable="true" ma:displayName="Submitter ID" ma:default="" ma:internalName="SubmitterId" ma:readOnly="false">
      <xsd:simpleType>
        <xsd:restriction base="dms:Text"/>
      </xsd:simpleType>
    </xsd:element>
    <xsd:element name="TaxCatchAll" ma:index="121" nillable="true" ma:displayName="Taxonomy Catch All Column" ma:hidden="true" ma:list="{530f955b-6704-4601-bd83-f81d87f1e440}" ma:internalName="TaxCatchAll" ma:showField="CatchAllData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22" nillable="true" ma:displayName="Taxonomy Catch All Column1" ma:hidden="true" ma:list="{530f955b-6704-4601-bd83-f81d87f1e440}" ma:internalName="TaxCatchAllLabel" ma:readOnly="true" ma:showField="CatchAllDataLabel" ma:web="4873beb7-5857-4685-be1f-d57550cc96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emplateStatus" ma:index="123" nillable="true" ma:displayName="Template Status" ma:default="" ma:internalName="TemplateStatus">
      <xsd:simpleType>
        <xsd:restriction base="dms:Unknown"/>
      </xsd:simpleType>
    </xsd:element>
    <xsd:element name="TemplateTemplateType" ma:index="124" nillable="true" ma:displayName="Template Type" ma:default="" ma:internalName="TemplateTemplateType">
      <xsd:simpleType>
        <xsd:restriction base="dms:Unknown"/>
      </xsd:simpleType>
    </xsd:element>
    <xsd:element name="ThumbnailAssetId" ma:index="125" nillable="true" ma:displayName="Thumbnail Image Asset" ma:default="" ma:internalName="ThumbnailAssetId" ma:readOnly="false">
      <xsd:simpleType>
        <xsd:restriction base="dms:Text"/>
      </xsd:simpleType>
    </xsd:element>
    <xsd:element name="TimesCloned" ma:index="126" nillable="true" ma:displayName="Times Cloned" ma:default="" ma:internalName="TimesCloned" ma:readOnly="false">
      <xsd:simpleType>
        <xsd:restriction base="dms:Number"/>
      </xsd:simpleType>
    </xsd:element>
    <xsd:element name="TrustLevel" ma:index="128" nillable="true" ma:displayName="Trust Level" ma:default="1 Microsoft Managed Content" ma:internalName="TrustLevel" ma:readOnly="false">
      <xsd:simpleType>
        <xsd:restriction base="dms:Unknown"/>
      </xsd:simpleType>
    </xsd:element>
    <xsd:element name="UALocComments" ma:index="129" nillable="true" ma:displayName="UA Loc Comments" ma:default="" ma:internalName="UALocComments" ma:readOnly="false">
      <xsd:simpleType>
        <xsd:restriction base="dms:Note"/>
      </xsd:simpleType>
    </xsd:element>
    <xsd:element name="UALocRecommendation" ma:index="130" nillable="true" ma:displayName="UA Loc Recommendation" ma:default="Localize" ma:internalName="UALocRecommendation" ma:readOnly="false">
      <xsd:simpleType>
        <xsd:restriction base="dms:Choice">
          <xsd:enumeration value="Localize"/>
          <xsd:enumeration value="Never Localize"/>
          <xsd:enumeration value="Priority Localize"/>
        </xsd:restriction>
      </xsd:simpleType>
    </xsd:element>
    <xsd:element name="UANotes" ma:index="131" nillable="true" ma:displayName="UA Notes" ma:default="" ma:internalName="UANotes" ma:readOnly="false">
      <xsd:simpleType>
        <xsd:restriction base="dms:Note"/>
      </xsd:simpleType>
    </xsd:element>
    <xsd:element name="TPAppVersion" ma:index="132" nillable="true" ma:displayName="Version" ma:default="" ma:internalName="TPAppVersion">
      <xsd:simpleType>
        <xsd:restriction base="dms:Text"/>
      </xsd:simpleType>
    </xsd:element>
    <xsd:element name="VoteCount" ma:index="133" nillable="true" ma:displayName="Vote Count" ma:default="" ma:internalName="VoteCount" ma:readOnly="fals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22" ma:displayName="Content Type"/>
        <xsd:element ref="dc:title" minOccurs="0" maxOccurs="1" ma:index="127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ocPublishedLinkedAssetsLookup xmlns="4873beb7-5857-4685-be1f-d57550cc96cc" xsi:nil="true"/>
    <ApprovalStatus xmlns="4873beb7-5857-4685-be1f-d57550cc96cc">InProgress</ApprovalStatus>
    <MarketSpecific xmlns="4873beb7-5857-4685-be1f-d57550cc96cc">false</MarketSpecific>
    <LocComments xmlns="4873beb7-5857-4685-be1f-d57550cc96cc" xsi:nil="true"/>
    <LocLastLocAttemptVersionTypeLookup xmlns="4873beb7-5857-4685-be1f-d57550cc96cc" xsi:nil="true"/>
    <DirectSourceMarket xmlns="4873beb7-5857-4685-be1f-d57550cc96cc" xsi:nil="true"/>
    <ThumbnailAssetId xmlns="4873beb7-5857-4685-be1f-d57550cc96cc" xsi:nil="true"/>
    <PrimaryImageGen xmlns="4873beb7-5857-4685-be1f-d57550cc96cc">false</PrimaryImageGen>
    <LocNewPublishedVersionLookup xmlns="4873beb7-5857-4685-be1f-d57550cc96cc" xsi:nil="true"/>
    <LegacyData xmlns="4873beb7-5857-4685-be1f-d57550cc96cc" xsi:nil="true"/>
    <LocRecommendedHandoff xmlns="4873beb7-5857-4685-be1f-d57550cc96cc" xsi:nil="true"/>
    <BusinessGroup xmlns="4873beb7-5857-4685-be1f-d57550cc96cc" xsi:nil="true"/>
    <BlockPublish xmlns="4873beb7-5857-4685-be1f-d57550cc96cc">false</BlockPublish>
    <TPFriendlyName xmlns="4873beb7-5857-4685-be1f-d57550cc96cc" xsi:nil="true"/>
    <LocOverallPublishStatusLookup xmlns="4873beb7-5857-4685-be1f-d57550cc96cc" xsi:nil="true"/>
    <NumericId xmlns="4873beb7-5857-4685-be1f-d57550cc96cc" xsi:nil="true"/>
    <APEditor xmlns="4873beb7-5857-4685-be1f-d57550cc96cc">
      <UserInfo>
        <DisplayName/>
        <AccountId xsi:nil="true"/>
        <AccountType/>
      </UserInfo>
    </APEditor>
    <SourceTitle xmlns="4873beb7-5857-4685-be1f-d57550cc96cc" xsi:nil="true"/>
    <OpenTemplate xmlns="4873beb7-5857-4685-be1f-d57550cc96cc">true</OpenTemplate>
    <LocOverallLocStatusLookup xmlns="4873beb7-5857-4685-be1f-d57550cc96cc" xsi:nil="true"/>
    <UALocComments xmlns="4873beb7-5857-4685-be1f-d57550cc96cc" xsi:nil="true"/>
    <ParentAssetId xmlns="4873beb7-5857-4685-be1f-d57550cc96cc" xsi:nil="true"/>
    <IntlLangReviewDate xmlns="4873beb7-5857-4685-be1f-d57550cc96cc" xsi:nil="true"/>
    <FeatureTagsTaxHTField0 xmlns="4873beb7-5857-4685-be1f-d57550cc96cc">
      <Terms xmlns="http://schemas.microsoft.com/office/infopath/2007/PartnerControls"/>
    </FeatureTagsTaxHTField0>
    <PublishStatusLookup xmlns="4873beb7-5857-4685-be1f-d57550cc96cc">
      <Value>1345093</Value>
    </PublishStatusLookup>
    <Providers xmlns="4873beb7-5857-4685-be1f-d57550cc96cc" xsi:nil="true"/>
    <MachineTranslated xmlns="4873beb7-5857-4685-be1f-d57550cc96cc">false</MachineTranslated>
    <OriginalSourceMarket xmlns="4873beb7-5857-4685-be1f-d57550cc96cc" xsi:nil="true"/>
    <APDescription xmlns="4873beb7-5857-4685-be1f-d57550cc96cc">This simple template design works for technology and  businesses, but it's versatile enough to use in other contexts.  It features multiple slide layouts designed for widescreen (16x9 resolution) and includes a sample SmartArt list and chart that are easily editable.</APDescription>
    <ClipArtFilename xmlns="4873beb7-5857-4685-be1f-d57550cc96cc" xsi:nil="true"/>
    <ContentItem xmlns="4873beb7-5857-4685-be1f-d57550cc96cc" xsi:nil="true"/>
    <TPInstallLocation xmlns="4873beb7-5857-4685-be1f-d57550cc96cc" xsi:nil="true"/>
    <PublishTargets xmlns="4873beb7-5857-4685-be1f-d57550cc96cc">OfficeOnlineVNext</PublishTargets>
    <TimesCloned xmlns="4873beb7-5857-4685-be1f-d57550cc96cc" xsi:nil="true"/>
    <AssetStart xmlns="4873beb7-5857-4685-be1f-d57550cc96cc">2011-11-26T00:30:00+00:00</AssetStart>
    <Provider xmlns="4873beb7-5857-4685-be1f-d57550cc96cc" xsi:nil="true"/>
    <AcquiredFrom xmlns="4873beb7-5857-4685-be1f-d57550cc96cc">Internal MS</AcquiredFrom>
    <FriendlyTitle xmlns="4873beb7-5857-4685-be1f-d57550cc96cc" xsi:nil="true"/>
    <LastHandOff xmlns="4873beb7-5857-4685-be1f-d57550cc96cc" xsi:nil="true"/>
    <TPClientViewer xmlns="4873beb7-5857-4685-be1f-d57550cc96cc" xsi:nil="true"/>
    <TemplateStatus xmlns="4873beb7-5857-4685-be1f-d57550cc96cc">Complete</TemplateStatus>
    <Downloads xmlns="4873beb7-5857-4685-be1f-d57550cc96cc">0</Downloads>
    <OOCacheId xmlns="4873beb7-5857-4685-be1f-d57550cc96cc" xsi:nil="true"/>
    <IsDeleted xmlns="4873beb7-5857-4685-be1f-d57550cc96cc">false</IsDeleted>
    <LocPublishedDependentAssetsLookup xmlns="4873beb7-5857-4685-be1f-d57550cc96cc" xsi:nil="true"/>
    <TPExecutable xmlns="4873beb7-5857-4685-be1f-d57550cc96cc" xsi:nil="true"/>
    <EditorialTags xmlns="4873beb7-5857-4685-be1f-d57550cc96cc" xsi:nil="true"/>
    <SubmitterId xmlns="4873beb7-5857-4685-be1f-d57550cc96cc" xsi:nil="true"/>
    <ApprovalLog xmlns="4873beb7-5857-4685-be1f-d57550cc96cc" xsi:nil="true"/>
    <AssetType xmlns="4873beb7-5857-4685-be1f-d57550cc96cc">TP</AssetType>
    <BugNumber xmlns="4873beb7-5857-4685-be1f-d57550cc96cc" xsi:nil="true"/>
    <CSXSubmissionDate xmlns="4873beb7-5857-4685-be1f-d57550cc96cc" xsi:nil="true"/>
    <CSXUpdate xmlns="4873beb7-5857-4685-be1f-d57550cc96cc">false</CSXUpdate>
    <Milestone xmlns="4873beb7-5857-4685-be1f-d57550cc96cc" xsi:nil="true"/>
    <RecommendationsModifier xmlns="4873beb7-5857-4685-be1f-d57550cc96cc" xsi:nil="true"/>
    <OriginAsset xmlns="4873beb7-5857-4685-be1f-d57550cc96cc" xsi:nil="true"/>
    <TPComponent xmlns="4873beb7-5857-4685-be1f-d57550cc96cc" xsi:nil="true"/>
    <AssetId xmlns="4873beb7-5857-4685-be1f-d57550cc96cc">TP102787989</AssetId>
    <IntlLocPriority xmlns="4873beb7-5857-4685-be1f-d57550cc96cc" xsi:nil="true"/>
    <PolicheckWords xmlns="4873beb7-5857-4685-be1f-d57550cc96cc" xsi:nil="true"/>
    <TPLaunchHelpLink xmlns="4873beb7-5857-4685-be1f-d57550cc96cc" xsi:nil="true"/>
    <TPApplication xmlns="4873beb7-5857-4685-be1f-d57550cc96cc" xsi:nil="true"/>
    <CrawlForDependencies xmlns="4873beb7-5857-4685-be1f-d57550cc96cc">false</CrawlForDependencies>
    <HandoffToMSDN xmlns="4873beb7-5857-4685-be1f-d57550cc96cc" xsi:nil="true"/>
    <PlannedPubDate xmlns="4873beb7-5857-4685-be1f-d57550cc96cc" xsi:nil="true"/>
    <IntlLangReviewer xmlns="4873beb7-5857-4685-be1f-d57550cc96cc" xsi:nil="true"/>
    <TrustLevel xmlns="4873beb7-5857-4685-be1f-d57550cc96cc">1 Microsoft Managed Content</TrustLevel>
    <LocLastLocAttemptVersionLookup xmlns="4873beb7-5857-4685-be1f-d57550cc96cc">694266</LocLastLocAttemptVersionLookup>
    <LocProcessedForHandoffsLookup xmlns="4873beb7-5857-4685-be1f-d57550cc96cc" xsi:nil="true"/>
    <IsSearchable xmlns="4873beb7-5857-4685-be1f-d57550cc96cc">true</IsSearchable>
    <TemplateTemplateType xmlns="4873beb7-5857-4685-be1f-d57550cc96cc">PowerPoint Presentation Template</TemplateTemplateType>
    <CampaignTagsTaxHTField0 xmlns="4873beb7-5857-4685-be1f-d57550cc96cc">
      <Terms xmlns="http://schemas.microsoft.com/office/infopath/2007/PartnerControls"/>
    </CampaignTagsTaxHTField0>
    <TPNamespace xmlns="4873beb7-5857-4685-be1f-d57550cc96cc" xsi:nil="true"/>
    <LocOverallPreviewStatusLookup xmlns="4873beb7-5857-4685-be1f-d57550cc96cc" xsi:nil="true"/>
    <TaxCatchAll xmlns="4873beb7-5857-4685-be1f-d57550cc96cc"/>
    <Markets xmlns="4873beb7-5857-4685-be1f-d57550cc96cc"/>
    <UAProjectedTotalWords xmlns="4873beb7-5857-4685-be1f-d57550cc96cc" xsi:nil="true"/>
    <IntlLangReview xmlns="4873beb7-5857-4685-be1f-d57550cc96cc" xsi:nil="true"/>
    <OutputCachingOn xmlns="4873beb7-5857-4685-be1f-d57550cc96cc">false</OutputCachingOn>
    <AverageRating xmlns="4873beb7-5857-4685-be1f-d57550cc96cc" xsi:nil="true"/>
    <APAuthor xmlns="4873beb7-5857-4685-be1f-d57550cc96cc">
      <UserInfo>
        <DisplayName>REDMOND\kristaa</DisplayName>
        <AccountId>136</AccountId>
        <AccountType/>
      </UserInfo>
    </APAuthor>
    <LocManualTestRequired xmlns="4873beb7-5857-4685-be1f-d57550cc96cc">false</LocManualTestRequired>
    <TPCommandLine xmlns="4873beb7-5857-4685-be1f-d57550cc96cc" xsi:nil="true"/>
    <TPAppVersion xmlns="4873beb7-5857-4685-be1f-d57550cc96cc" xsi:nil="true"/>
    <EditorialStatus xmlns="4873beb7-5857-4685-be1f-d57550cc96cc">Complete</EditorialStatus>
    <LastModifiedDateTime xmlns="4873beb7-5857-4685-be1f-d57550cc96cc" xsi:nil="true"/>
    <ScenarioTagsTaxHTField0 xmlns="4873beb7-5857-4685-be1f-d57550cc96cc">
      <Terms xmlns="http://schemas.microsoft.com/office/infopath/2007/PartnerControls"/>
    </ScenarioTagsTaxHTField0>
    <LocProcessedForMarketsLookup xmlns="4873beb7-5857-4685-be1f-d57550cc96cc" xsi:nil="true"/>
    <TPLaunchHelpLinkType xmlns="4873beb7-5857-4685-be1f-d57550cc96cc">Template</TPLaunchHelpLinkType>
    <OriginalRelease xmlns="4873beb7-5857-4685-be1f-d57550cc96cc">15</OriginalRelease>
    <LocalizationTagsTaxHTField0 xmlns="4873beb7-5857-4685-be1f-d57550cc96cc">
      <Terms xmlns="http://schemas.microsoft.com/office/infopath/2007/PartnerControls"/>
    </LocalizationTagsTaxHTField0>
    <UACurrentWords xmlns="4873beb7-5857-4685-be1f-d57550cc96cc" xsi:nil="true"/>
    <ArtSampleDocs xmlns="4873beb7-5857-4685-be1f-d57550cc96cc" xsi:nil="true"/>
    <UALocRecommendation xmlns="4873beb7-5857-4685-be1f-d57550cc96cc">Localize</UALocRecommendation>
    <Manager xmlns="4873beb7-5857-4685-be1f-d57550cc96cc" xsi:nil="true"/>
    <LocOverallHandbackStatusLookup xmlns="4873beb7-5857-4685-be1f-d57550cc96cc" xsi:nil="true"/>
    <ShowIn xmlns="4873beb7-5857-4685-be1f-d57550cc96cc">Show everywhere</ShowIn>
    <UANotes xmlns="4873beb7-5857-4685-be1f-d57550cc96cc" xsi:nil="true"/>
    <InternalTagsTaxHTField0 xmlns="4873beb7-5857-4685-be1f-d57550cc96cc">
      <Terms xmlns="http://schemas.microsoft.com/office/infopath/2007/PartnerControls"/>
    </InternalTagsTaxHTField0>
    <CSXHash xmlns="4873beb7-5857-4685-be1f-d57550cc96cc" xsi:nil="true"/>
    <VoteCount xmlns="4873beb7-5857-4685-be1f-d57550cc96cc" xsi:nil="true"/>
    <AssetExpire xmlns="4873beb7-5857-4685-be1f-d57550cc96cc">2029-05-12T07:00:00+00:00</AssetExpire>
    <DSATActionTaken xmlns="4873beb7-5857-4685-be1f-d57550cc96cc" xsi:nil="true"/>
    <CSXSubmissionMarket xmlns="4873beb7-5857-4685-be1f-d57550cc96cc" xsi:nil="true"/>
    <LocMarketGroupTiers2 xmlns="4873beb7-5857-4685-be1f-d57550cc96cc" xsi:nil="true"/>
  </documentManagement>
</p:properties>
</file>

<file path=customXml/itemProps1.xml><?xml version="1.0" encoding="utf-8"?>
<ds:datastoreItem xmlns:ds="http://schemas.openxmlformats.org/officeDocument/2006/customXml" ds:itemID="{A09BF4D4-EF60-4196-BFC3-9462D607978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873beb7-5857-4685-be1f-d57550cc96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3836F65B-1B07-41EE-A0E8-BC6EF3855225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60C67BEE-D13F-4BD2-98A5-34D8A0977F68}">
  <ds:schemaRefs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4873beb7-5857-4685-be1f-d57550cc96cc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riple circuit lines presentation (widescreen)</Template>
  <TotalTime>77</TotalTime>
  <Words>1056</Words>
  <Application>Microsoft Office PowerPoint</Application>
  <PresentationFormat>Custom</PresentationFormat>
  <Paragraphs>208</Paragraphs>
  <Slides>2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4" baseType="lpstr">
      <vt:lpstr>Arial</vt:lpstr>
      <vt:lpstr>Calibri</vt:lpstr>
      <vt:lpstr>Tech 16x9</vt:lpstr>
      <vt:lpstr>EVER HEALTH TECHNOLOGY PLAN</vt:lpstr>
      <vt:lpstr>EAGLE CONSULTING About Us</vt:lpstr>
      <vt:lpstr>EAGLE CONSULTING Mission</vt:lpstr>
      <vt:lpstr>EAGLE CONSULTING Vision</vt:lpstr>
      <vt:lpstr>EVER HEALTH About Them</vt:lpstr>
      <vt:lpstr>EVER HEALTH Mission</vt:lpstr>
      <vt:lpstr>EVER HEALTH ORGANIZATIONAL CHART</vt:lpstr>
      <vt:lpstr>EVER HEALTH - 15 LOCATIONS</vt:lpstr>
      <vt:lpstr>THE PROBLEM</vt:lpstr>
      <vt:lpstr>THE COST</vt:lpstr>
      <vt:lpstr>THE SOLUTION</vt:lpstr>
      <vt:lpstr>THE SOLUTION</vt:lpstr>
      <vt:lpstr>THE SOLUTION</vt:lpstr>
      <vt:lpstr>PROJECT COMPLETION</vt:lpstr>
      <vt:lpstr>Project Team Roles and Responsibilities</vt:lpstr>
      <vt:lpstr>IMPLEMENTED SYSTEM</vt:lpstr>
      <vt:lpstr>PowerPoint Presentation</vt:lpstr>
      <vt:lpstr>PowerPoint Presentation</vt:lpstr>
      <vt:lpstr>EVER HEALTH INTERVIEW SCHEDULE</vt:lpstr>
      <vt:lpstr>EVER HEALTH INTERVIEW SCHEDULE</vt:lpstr>
      <vt:lpstr>EVER HEALTH INTERVIEW SCHEDULE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VER HEALTH TECHNOLOGY PLAN</dc:title>
  <dc:creator>Jacob Wagner</dc:creator>
  <cp:lastModifiedBy>Jacob Wagner</cp:lastModifiedBy>
  <cp:revision>19</cp:revision>
  <dcterms:created xsi:type="dcterms:W3CDTF">2016-09-14T04:59:39Z</dcterms:created>
  <dcterms:modified xsi:type="dcterms:W3CDTF">2016-09-14T06:16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InternalTags">
    <vt:lpwstr/>
  </property>
  <property fmtid="{D5CDD505-2E9C-101B-9397-08002B2CF9AE}" pid="3" name="ContentTypeId">
    <vt:lpwstr>0x0101006EDDDB5EE6D98C44930B742096920B300400F5B6D36B3EF94B4E9A635CDF2A18F5B8</vt:lpwstr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CampaignTags">
    <vt:lpwstr/>
  </property>
  <property fmtid="{D5CDD505-2E9C-101B-9397-08002B2CF9AE}" pid="7" name="ScenarioTags">
    <vt:lpwstr/>
  </property>
</Properties>
</file>